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updateLinks="never"/>
  <mc:AlternateContent xmlns:mc="http://schemas.openxmlformats.org/markup-compatibility/2006">
    <mc:Choice Requires="x15">
      <x15ac:absPath xmlns:x15ac="http://schemas.microsoft.com/office/spreadsheetml/2010/11/ac" url="\\kfs01\s1321\group\01_調整グループ\02_バリアフリーの街づくり\0007_施行施策\08_ユニバーサルシートの設置促進\00_設置場所一覧（HP）\260209更新\"/>
    </mc:Choice>
  </mc:AlternateContent>
  <xr:revisionPtr revIDLastSave="0" documentId="13_ncr:1_{442541E2-A2DE-465B-94E6-596497B32D83}" xr6:coauthVersionLast="47" xr6:coauthVersionMax="47" xr10:uidLastSave="{00000000-0000-0000-0000-000000000000}"/>
  <bookViews>
    <workbookView xWindow="-108" yWindow="-108" windowWidth="23256" windowHeight="13896" xr2:uid="{00000000-000D-0000-FFFF-FFFF00000000}"/>
  </bookViews>
  <sheets>
    <sheet name="全体" sheetId="22" r:id="rId1"/>
  </sheets>
  <definedNames>
    <definedName name="_xlnm._FilterDatabase" localSheetId="0" hidden="1">全体!$A$3:$H$177</definedName>
    <definedName name="_xlnm.Print_Area" localSheetId="0">全体!$A$1:$H$177</definedName>
    <definedName name="_xlnm.Print_Titles" localSheetId="0">全体!$B:$H,全体!$1:$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94" uniqueCount="698">
  <si>
    <t>施設名称</t>
    <rPh sb="0" eb="2">
      <t>シセツ</t>
    </rPh>
    <rPh sb="2" eb="4">
      <t>メイショウ</t>
    </rPh>
    <phoneticPr fontId="3"/>
  </si>
  <si>
    <t>施設住所</t>
    <rPh sb="0" eb="2">
      <t>シセツ</t>
    </rPh>
    <rPh sb="2" eb="4">
      <t>ジュウショ</t>
    </rPh>
    <phoneticPr fontId="2"/>
  </si>
  <si>
    <t>備考</t>
    <rPh sb="0" eb="2">
      <t>ビコウ</t>
    </rPh>
    <phoneticPr fontId="2"/>
  </si>
  <si>
    <t>×</t>
  </si>
  <si>
    <t>○</t>
  </si>
  <si>
    <t>金沢警察署</t>
    <rPh sb="0" eb="2">
      <t>カナザワ</t>
    </rPh>
    <rPh sb="2" eb="5">
      <t>ケイサツショ</t>
    </rPh>
    <phoneticPr fontId="2"/>
  </si>
  <si>
    <t>緑警察署</t>
    <rPh sb="0" eb="1">
      <t>ミドリ</t>
    </rPh>
    <rPh sb="1" eb="4">
      <t>ケイサツショ</t>
    </rPh>
    <phoneticPr fontId="2"/>
  </si>
  <si>
    <t>幸警察署</t>
    <rPh sb="0" eb="4">
      <t>サイワイケイサツショ</t>
    </rPh>
    <phoneticPr fontId="2"/>
  </si>
  <si>
    <t>中原警察署</t>
    <rPh sb="0" eb="5">
      <t>ナカハラケイサツショ</t>
    </rPh>
    <phoneticPr fontId="2"/>
  </si>
  <si>
    <t>横須賀南警察署</t>
    <rPh sb="0" eb="3">
      <t>ヨコスカ</t>
    </rPh>
    <rPh sb="3" eb="4">
      <t>ミナミ</t>
    </rPh>
    <rPh sb="4" eb="7">
      <t>ケイサツショ</t>
    </rPh>
    <phoneticPr fontId="2"/>
  </si>
  <si>
    <t>横須賀警察署</t>
    <rPh sb="0" eb="3">
      <t>ヨコスカ</t>
    </rPh>
    <rPh sb="3" eb="6">
      <t>ケイサツショ</t>
    </rPh>
    <phoneticPr fontId="2"/>
  </si>
  <si>
    <t>小田原警察署</t>
    <rPh sb="0" eb="6">
      <t>オダワラケイサツショ</t>
    </rPh>
    <phoneticPr fontId="2"/>
  </si>
  <si>
    <t>小田原市荻窪350-1</t>
    <rPh sb="0" eb="4">
      <t>オダワラシ</t>
    </rPh>
    <rPh sb="4" eb="6">
      <t>オギクボ</t>
    </rPh>
    <phoneticPr fontId="2"/>
  </si>
  <si>
    <t>秦野警察署</t>
    <rPh sb="0" eb="2">
      <t>ハダノ</t>
    </rPh>
    <rPh sb="2" eb="5">
      <t>ケイサツショ</t>
    </rPh>
    <phoneticPr fontId="2"/>
  </si>
  <si>
    <t>相模原北警察署</t>
    <rPh sb="0" eb="7">
      <t>サガミハラキタケイサツショ</t>
    </rPh>
    <phoneticPr fontId="2"/>
  </si>
  <si>
    <t>平日8:30～17:15</t>
    <rPh sb="0" eb="2">
      <t>ヘイジツ</t>
    </rPh>
    <phoneticPr fontId="2"/>
  </si>
  <si>
    <t>横浜市緑区中山4-36-13</t>
    <rPh sb="0" eb="3">
      <t>ヨコハマシ</t>
    </rPh>
    <rPh sb="3" eb="5">
      <t>ミドリク</t>
    </rPh>
    <rPh sb="5" eb="7">
      <t>ナカヤマ</t>
    </rPh>
    <phoneticPr fontId="2"/>
  </si>
  <si>
    <t>横須賀市久里浜1-18-1</t>
    <rPh sb="0" eb="4">
      <t>ヨコスカシ</t>
    </rPh>
    <rPh sb="4" eb="7">
      <t>クリハマ</t>
    </rPh>
    <phoneticPr fontId="2"/>
  </si>
  <si>
    <t>秦野市新町5-5</t>
    <rPh sb="0" eb="3">
      <t>ハダノシ</t>
    </rPh>
    <rPh sb="3" eb="5">
      <t>シンマチ</t>
    </rPh>
    <phoneticPr fontId="2"/>
  </si>
  <si>
    <t>横浜市金沢区2-10-1</t>
    <rPh sb="0" eb="3">
      <t>ヨコハマシ</t>
    </rPh>
    <rPh sb="3" eb="6">
      <t>カナザワク</t>
    </rPh>
    <phoneticPr fontId="2"/>
  </si>
  <si>
    <t>近代美術館葉山</t>
    <rPh sb="0" eb="5">
      <t>キ</t>
    </rPh>
    <rPh sb="5" eb="7">
      <t>ハヤマ</t>
    </rPh>
    <phoneticPr fontId="2"/>
  </si>
  <si>
    <t>三浦郡葉山町一色2208-1</t>
    <rPh sb="0" eb="3">
      <t>ミウラグン</t>
    </rPh>
    <rPh sb="3" eb="6">
      <t>ハヤママチ</t>
    </rPh>
    <rPh sb="6" eb="8">
      <t>イッシキ</t>
    </rPh>
    <phoneticPr fontId="2"/>
  </si>
  <si>
    <t>救護室</t>
    <rPh sb="0" eb="3">
      <t>キュウゴシツ</t>
    </rPh>
    <phoneticPr fontId="2"/>
  </si>
  <si>
    <t>近代美術館鎌倉別館</t>
    <rPh sb="0" eb="5">
      <t>キ</t>
    </rPh>
    <rPh sb="5" eb="9">
      <t>カマクラ</t>
    </rPh>
    <phoneticPr fontId="2"/>
  </si>
  <si>
    <t>鎌倉市雪ノ下2-8-1</t>
    <rPh sb="0" eb="3">
      <t>カマクラシ</t>
    </rPh>
    <rPh sb="3" eb="4">
      <t>ユキ</t>
    </rPh>
    <rPh sb="5" eb="6">
      <t>シタ</t>
    </rPh>
    <phoneticPr fontId="2"/>
  </si>
  <si>
    <t>みんなのトイレ（１階）</t>
    <rPh sb="9" eb="10">
      <t>カイ</t>
    </rPh>
    <phoneticPr fontId="2"/>
  </si>
  <si>
    <t>管理棟</t>
    <rPh sb="0" eb="3">
      <t>カンリトウ</t>
    </rPh>
    <phoneticPr fontId="2"/>
  </si>
  <si>
    <t>大津行政センター（事務所）
大津コミュニティセンター（教育文化施設）</t>
    <rPh sb="0" eb="2">
      <t>オオツ</t>
    </rPh>
    <rPh sb="2" eb="4">
      <t>ギョウセイ</t>
    </rPh>
    <rPh sb="9" eb="11">
      <t>ジム</t>
    </rPh>
    <rPh sb="11" eb="12">
      <t>ショ</t>
    </rPh>
    <rPh sb="14" eb="16">
      <t>オオツ</t>
    </rPh>
    <rPh sb="27" eb="29">
      <t>キョウイク</t>
    </rPh>
    <rPh sb="29" eb="31">
      <t>ブンカ</t>
    </rPh>
    <rPh sb="31" eb="33">
      <t>シセツ</t>
    </rPh>
    <phoneticPr fontId="2"/>
  </si>
  <si>
    <t>１階多目的トイレ内</t>
    <rPh sb="1" eb="2">
      <t>カイ</t>
    </rPh>
    <rPh sb="2" eb="5">
      <t>タモクテキ</t>
    </rPh>
    <rPh sb="8" eb="9">
      <t>ナイ</t>
    </rPh>
    <phoneticPr fontId="2"/>
  </si>
  <si>
    <t>8:30～21:00（ただし、年末年始、点検日など一部の休館日を除く）</t>
    <rPh sb="15" eb="17">
      <t>ネンマツ</t>
    </rPh>
    <rPh sb="17" eb="19">
      <t>ネンシ</t>
    </rPh>
    <rPh sb="20" eb="22">
      <t>テンケン</t>
    </rPh>
    <rPh sb="22" eb="23">
      <t>ビ</t>
    </rPh>
    <rPh sb="25" eb="27">
      <t>イチブ</t>
    </rPh>
    <rPh sb="28" eb="31">
      <t>キュウカンビ</t>
    </rPh>
    <rPh sb="32" eb="33">
      <t>ノゾ</t>
    </rPh>
    <phoneticPr fontId="2"/>
  </si>
  <si>
    <t>ヴェルクよこすか</t>
    <phoneticPr fontId="2"/>
  </si>
  <si>
    <t>１階</t>
    <rPh sb="1" eb="2">
      <t>カイ</t>
    </rPh>
    <phoneticPr fontId="2"/>
  </si>
  <si>
    <t>自然・人文博物館</t>
  </si>
  <si>
    <t>１・２階多目的トイレ</t>
  </si>
  <si>
    <t>平日 9:00～17:00（ただし、月曜を除く）</t>
  </si>
  <si>
    <t>市民病院</t>
  </si>
  <si>
    <t>正面玄関みんなのトイレ</t>
  </si>
  <si>
    <t>総合福祉会館</t>
    <rPh sb="0" eb="2">
      <t>ソウゴウ</t>
    </rPh>
    <rPh sb="2" eb="4">
      <t>フクシ</t>
    </rPh>
    <rPh sb="4" eb="6">
      <t>カイカン</t>
    </rPh>
    <phoneticPr fontId="2"/>
  </si>
  <si>
    <t>２階バリアフリートイレ・７階バリアフリートイレ</t>
    <rPh sb="1" eb="2">
      <t>カイ</t>
    </rPh>
    <rPh sb="13" eb="14">
      <t>カイ</t>
    </rPh>
    <phoneticPr fontId="2"/>
  </si>
  <si>
    <t>8:30～21:00（ただし、11月23日、12月29日～1月3日を除く）</t>
    <rPh sb="17" eb="18">
      <t>ガツ</t>
    </rPh>
    <rPh sb="20" eb="21">
      <t>ニチ</t>
    </rPh>
    <rPh sb="24" eb="25">
      <t>ガツ</t>
    </rPh>
    <rPh sb="27" eb="28">
      <t>ニチ</t>
    </rPh>
    <rPh sb="30" eb="31">
      <t>ガツ</t>
    </rPh>
    <rPh sb="32" eb="33">
      <t>ニチ</t>
    </rPh>
    <rPh sb="34" eb="35">
      <t>ノゾ</t>
    </rPh>
    <phoneticPr fontId="2"/>
  </si>
  <si>
    <t>三浦消防署</t>
    <rPh sb="0" eb="5">
      <t>ミウラショウボウショ</t>
    </rPh>
    <phoneticPr fontId="2"/>
  </si>
  <si>
    <t>１階　バリアフリートイレ</t>
    <rPh sb="1" eb="2">
      <t>カイ</t>
    </rPh>
    <phoneticPr fontId="2"/>
  </si>
  <si>
    <t>平日 8:30～17:15</t>
    <rPh sb="0" eb="2">
      <t>ヘイジツ</t>
    </rPh>
    <phoneticPr fontId="2"/>
  </si>
  <si>
    <t>八幡山公園</t>
    <rPh sb="0" eb="3">
      <t>ハチマンヤマ</t>
    </rPh>
    <rPh sb="3" eb="5">
      <t>コウエン</t>
    </rPh>
    <phoneticPr fontId="2"/>
  </si>
  <si>
    <t>旧横浜ゴム平塚製造所記念館（八幡山の洋館）</t>
    <rPh sb="0" eb="3">
      <t>キュウヨコハマ</t>
    </rPh>
    <rPh sb="5" eb="13">
      <t>ヒラツカセイゾウショキネンカン</t>
    </rPh>
    <rPh sb="14" eb="17">
      <t>ハチマンヤマ</t>
    </rPh>
    <rPh sb="18" eb="20">
      <t>ヨウカン</t>
    </rPh>
    <phoneticPr fontId="2"/>
  </si>
  <si>
    <t>9:00～21:30（ただし、毎週月曜日、月曜日が祝日の場合は次の平日、12月29日から翌年の1月3日を除く）</t>
    <rPh sb="15" eb="17">
      <t>マイシュウ</t>
    </rPh>
    <rPh sb="17" eb="20">
      <t>ゲツヨウビ</t>
    </rPh>
    <rPh sb="21" eb="23">
      <t>ゲツヨウ</t>
    </rPh>
    <rPh sb="23" eb="24">
      <t>ヒ</t>
    </rPh>
    <rPh sb="25" eb="27">
      <t>シュクジツ</t>
    </rPh>
    <rPh sb="28" eb="30">
      <t>バアイ</t>
    </rPh>
    <rPh sb="31" eb="32">
      <t>ツギ</t>
    </rPh>
    <rPh sb="33" eb="35">
      <t>ヘイジツ</t>
    </rPh>
    <rPh sb="38" eb="39">
      <t>ガツ</t>
    </rPh>
    <rPh sb="41" eb="42">
      <t>ニチ</t>
    </rPh>
    <rPh sb="44" eb="46">
      <t>ヨクネン</t>
    </rPh>
    <rPh sb="48" eb="49">
      <t>ガツ</t>
    </rPh>
    <rPh sb="50" eb="51">
      <t>ニチ</t>
    </rPh>
    <rPh sb="52" eb="53">
      <t>ノゾ</t>
    </rPh>
    <phoneticPr fontId="2"/>
  </si>
  <si>
    <t>入館無料</t>
    <rPh sb="0" eb="2">
      <t>ニュウカン</t>
    </rPh>
    <rPh sb="2" eb="4">
      <t>ムリョウ</t>
    </rPh>
    <phoneticPr fontId="2"/>
  </si>
  <si>
    <t>平塚市西部福祉会館</t>
    <rPh sb="0" eb="3">
      <t>ヒラツカシ</t>
    </rPh>
    <rPh sb="3" eb="9">
      <t>セイブフクシカイカン</t>
    </rPh>
    <phoneticPr fontId="2"/>
  </si>
  <si>
    <t>平塚市公所868</t>
    <rPh sb="0" eb="5">
      <t>ヒラツカシグゾ</t>
    </rPh>
    <phoneticPr fontId="2"/>
  </si>
  <si>
    <t>2階多機能トイレ（男性側）</t>
    <rPh sb="1" eb="2">
      <t>カイ</t>
    </rPh>
    <rPh sb="2" eb="5">
      <t>タキノウ</t>
    </rPh>
    <rPh sb="9" eb="11">
      <t>ダンセイ</t>
    </rPh>
    <rPh sb="11" eb="12">
      <t>ガワ</t>
    </rPh>
    <phoneticPr fontId="2"/>
  </si>
  <si>
    <t>平塚市総合公園</t>
    <rPh sb="0" eb="7">
      <t>ヒラツカシソウゴウコウエン</t>
    </rPh>
    <phoneticPr fontId="2"/>
  </si>
  <si>
    <t>トリム広場北屋外トイレ</t>
    <rPh sb="3" eb="5">
      <t>ヒロバ</t>
    </rPh>
    <rPh sb="5" eb="6">
      <t>キタ</t>
    </rPh>
    <rPh sb="6" eb="8">
      <t>オクガイ</t>
    </rPh>
    <phoneticPr fontId="2"/>
  </si>
  <si>
    <t>馬入ふれあい公園　ひらつか サン・ライフアリーナ</t>
    <rPh sb="0" eb="2">
      <t>バニュウ</t>
    </rPh>
    <rPh sb="6" eb="8">
      <t>コウエン</t>
    </rPh>
    <phoneticPr fontId="2"/>
  </si>
  <si>
    <t>平塚市中堂246-1</t>
    <rPh sb="0" eb="2">
      <t>ヒラツカ</t>
    </rPh>
    <rPh sb="2" eb="3">
      <t>シ</t>
    </rPh>
    <rPh sb="3" eb="5">
      <t>ナカドウ</t>
    </rPh>
    <phoneticPr fontId="2"/>
  </si>
  <si>
    <t>アリーナ１Ｆ南東側
みんなのトイレ</t>
    <rPh sb="6" eb="9">
      <t>ナントウガワ</t>
    </rPh>
    <phoneticPr fontId="2"/>
  </si>
  <si>
    <t>藤沢市役所本庁舎</t>
    <rPh sb="0" eb="5">
      <t>フジサワシヤクショ</t>
    </rPh>
    <rPh sb="5" eb="8">
      <t>ホンチョウシャ</t>
    </rPh>
    <phoneticPr fontId="2"/>
  </si>
  <si>
    <t>藤沢市朝日町1-1</t>
    <rPh sb="0" eb="2">
      <t>フジサワ</t>
    </rPh>
    <rPh sb="2" eb="3">
      <t>シ</t>
    </rPh>
    <rPh sb="3" eb="6">
      <t>アサヒチョウ</t>
    </rPh>
    <phoneticPr fontId="2"/>
  </si>
  <si>
    <t>藤沢市役所
本庁舎地下1～9階</t>
    <rPh sb="0" eb="2">
      <t>フジサワ</t>
    </rPh>
    <rPh sb="2" eb="5">
      <t>シヤクショ</t>
    </rPh>
    <rPh sb="6" eb="7">
      <t>ホン</t>
    </rPh>
    <rPh sb="7" eb="9">
      <t>チョウシャ</t>
    </rPh>
    <rPh sb="9" eb="11">
      <t>チカ</t>
    </rPh>
    <rPh sb="14" eb="15">
      <t>カイ</t>
    </rPh>
    <phoneticPr fontId="2"/>
  </si>
  <si>
    <t>藤沢市役所分庁舎</t>
    <rPh sb="0" eb="5">
      <t>フジサワシヤクショ</t>
    </rPh>
    <rPh sb="5" eb="8">
      <t>ブンチョウシャ</t>
    </rPh>
    <phoneticPr fontId="2"/>
  </si>
  <si>
    <t>藤沢市藤沢115-1</t>
    <rPh sb="0" eb="3">
      <t>フジサワシ</t>
    </rPh>
    <rPh sb="3" eb="5">
      <t>フジサワ</t>
    </rPh>
    <phoneticPr fontId="2"/>
  </si>
  <si>
    <t>藤沢市役所
分庁舎1・2階</t>
    <rPh sb="0" eb="2">
      <t>フジサワ</t>
    </rPh>
    <rPh sb="2" eb="5">
      <t>シヤクショ</t>
    </rPh>
    <rPh sb="6" eb="7">
      <t>ブン</t>
    </rPh>
    <rPh sb="7" eb="9">
      <t>チョウシャ</t>
    </rPh>
    <rPh sb="12" eb="13">
      <t>カイ</t>
    </rPh>
    <phoneticPr fontId="2"/>
  </si>
  <si>
    <t>辻堂市民センター・公民館</t>
    <rPh sb="0" eb="4">
      <t>ツジドウシミン</t>
    </rPh>
    <rPh sb="9" eb="12">
      <t>コウミンカン</t>
    </rPh>
    <phoneticPr fontId="2"/>
  </si>
  <si>
    <t>藤沢市辻堂西海岸2-1-17</t>
    <rPh sb="0" eb="8">
      <t>フジサワシツジドウニシカイガン</t>
    </rPh>
    <phoneticPr fontId="2"/>
  </si>
  <si>
    <t>1階みんなのトイレ</t>
    <rPh sb="1" eb="2">
      <t>カイ</t>
    </rPh>
    <phoneticPr fontId="2"/>
  </si>
  <si>
    <t>善行市民センター・公民館</t>
    <rPh sb="0" eb="2">
      <t>ゼンギョウ</t>
    </rPh>
    <rPh sb="2" eb="4">
      <t>シミン</t>
    </rPh>
    <rPh sb="9" eb="12">
      <t>コウミンカン</t>
    </rPh>
    <phoneticPr fontId="2"/>
  </si>
  <si>
    <t>藤沢市善行1-2-3</t>
    <rPh sb="0" eb="3">
      <t>フジサワシ</t>
    </rPh>
    <rPh sb="3" eb="5">
      <t>ゼンギョウ</t>
    </rPh>
    <phoneticPr fontId="2"/>
  </si>
  <si>
    <t>南市民図書館</t>
    <rPh sb="0" eb="1">
      <t>ミナミ</t>
    </rPh>
    <rPh sb="1" eb="3">
      <t>シミン</t>
    </rPh>
    <rPh sb="3" eb="6">
      <t>トショカン</t>
    </rPh>
    <phoneticPr fontId="2"/>
  </si>
  <si>
    <t>ODAKYU湘南GATE６階図書館敷地内「みんなのトイレ」</t>
    <phoneticPr fontId="2"/>
  </si>
  <si>
    <t>藤沢市保健所・南保健センター</t>
    <rPh sb="0" eb="3">
      <t>フジサワシ</t>
    </rPh>
    <rPh sb="3" eb="6">
      <t>ホケンジョ</t>
    </rPh>
    <rPh sb="7" eb="8">
      <t>ミナミ</t>
    </rPh>
    <rPh sb="8" eb="10">
      <t>ホケン</t>
    </rPh>
    <phoneticPr fontId="2"/>
  </si>
  <si>
    <t>藤沢市鵠沼2131-1</t>
    <rPh sb="0" eb="3">
      <t>フジサワシ</t>
    </rPh>
    <rPh sb="3" eb="5">
      <t>クゲヌマ</t>
    </rPh>
    <phoneticPr fontId="2"/>
  </si>
  <si>
    <t>１階～５階に設置</t>
    <rPh sb="1" eb="2">
      <t>カイ</t>
    </rPh>
    <rPh sb="4" eb="5">
      <t>カイ</t>
    </rPh>
    <rPh sb="6" eb="8">
      <t>セッチ</t>
    </rPh>
    <phoneticPr fontId="2"/>
  </si>
  <si>
    <t>湘南ライフタウン公衆便所</t>
    <rPh sb="0" eb="2">
      <t>ショウナン</t>
    </rPh>
    <phoneticPr fontId="2"/>
  </si>
  <si>
    <t>藤沢市遠藤869-12</t>
    <rPh sb="0" eb="3">
      <t>フジサワシ</t>
    </rPh>
    <phoneticPr fontId="2"/>
  </si>
  <si>
    <t>多目的トイレ内</t>
    <rPh sb="0" eb="3">
      <t>タモクテキ</t>
    </rPh>
    <rPh sb="6" eb="7">
      <t>ナイ</t>
    </rPh>
    <phoneticPr fontId="2"/>
  </si>
  <si>
    <t>24時間365日利用可能</t>
    <rPh sb="2" eb="4">
      <t>ジカン</t>
    </rPh>
    <rPh sb="7" eb="8">
      <t>ニチ</t>
    </rPh>
    <rPh sb="8" eb="10">
      <t>リヨウ</t>
    </rPh>
    <rPh sb="10" eb="12">
      <t>カノウ</t>
    </rPh>
    <phoneticPr fontId="2"/>
  </si>
  <si>
    <t>藤沢市民病院</t>
    <rPh sb="0" eb="4">
      <t>フジサワシミン</t>
    </rPh>
    <rPh sb="4" eb="6">
      <t>ビョウイン</t>
    </rPh>
    <phoneticPr fontId="2"/>
  </si>
  <si>
    <t>藤沢市藤沢2-6-1</t>
    <rPh sb="0" eb="3">
      <t>フジサワシ</t>
    </rPh>
    <rPh sb="3" eb="5">
      <t>フジサワ</t>
    </rPh>
    <phoneticPr fontId="2"/>
  </si>
  <si>
    <t>東館１階、２階、３階</t>
    <rPh sb="0" eb="1">
      <t>ヒガシ</t>
    </rPh>
    <rPh sb="1" eb="2">
      <t>カン</t>
    </rPh>
    <rPh sb="3" eb="4">
      <t>カイ</t>
    </rPh>
    <rPh sb="6" eb="7">
      <t>カイ</t>
    </rPh>
    <rPh sb="9" eb="10">
      <t>カイ</t>
    </rPh>
    <phoneticPr fontId="2"/>
  </si>
  <si>
    <t>茅ヶ崎市役所</t>
    <rPh sb="0" eb="6">
      <t>チガサキシヤクショ</t>
    </rPh>
    <phoneticPr fontId="2"/>
  </si>
  <si>
    <t>茅ヶ崎市茅ヶ崎1-1-1</t>
    <rPh sb="0" eb="4">
      <t>チガサキシ</t>
    </rPh>
    <rPh sb="4" eb="7">
      <t>チガサキ</t>
    </rPh>
    <phoneticPr fontId="2"/>
  </si>
  <si>
    <t>本庁舎１・3・4・5・6階
東側みんなのトイレ</t>
    <rPh sb="0" eb="3">
      <t>ホンチョウシャ</t>
    </rPh>
    <rPh sb="12" eb="13">
      <t>カイ</t>
    </rPh>
    <rPh sb="14" eb="16">
      <t>ヒガシガワ</t>
    </rPh>
    <phoneticPr fontId="2"/>
  </si>
  <si>
    <t>柳島スポーツ公園</t>
    <rPh sb="0" eb="2">
      <t>ヤナギシマ</t>
    </rPh>
    <rPh sb="6" eb="8">
      <t>コウエン</t>
    </rPh>
    <phoneticPr fontId="2"/>
  </si>
  <si>
    <t>クラブハウス</t>
    <phoneticPr fontId="2"/>
  </si>
  <si>
    <t>屋内温水プール</t>
    <rPh sb="0" eb="2">
      <t>オクナイ</t>
    </rPh>
    <rPh sb="2" eb="4">
      <t>オンスイ</t>
    </rPh>
    <phoneticPr fontId="2"/>
  </si>
  <si>
    <t>トイレ</t>
    <phoneticPr fontId="2"/>
  </si>
  <si>
    <t>松浪コミュニティセンター</t>
  </si>
  <si>
    <t>多目的トイレ</t>
    <rPh sb="0" eb="3">
      <t>タモクテキ</t>
    </rPh>
    <phoneticPr fontId="2"/>
  </si>
  <si>
    <t>茅ヶ崎公園体験学習センター</t>
    <rPh sb="0" eb="3">
      <t>チガサキ</t>
    </rPh>
    <rPh sb="3" eb="5">
      <t>コウエン</t>
    </rPh>
    <rPh sb="5" eb="7">
      <t>タイケン</t>
    </rPh>
    <rPh sb="7" eb="9">
      <t>ガクシュウ</t>
    </rPh>
    <phoneticPr fontId="2"/>
  </si>
  <si>
    <t>体験学習センター地階・１階</t>
    <rPh sb="0" eb="2">
      <t>タイケン</t>
    </rPh>
    <rPh sb="2" eb="4">
      <t>ガクシュウ</t>
    </rPh>
    <rPh sb="8" eb="10">
      <t>チカイ</t>
    </rPh>
    <rPh sb="12" eb="13">
      <t>カイ</t>
    </rPh>
    <phoneticPr fontId="2"/>
  </si>
  <si>
    <t>茅ヶ崎市立病院</t>
    <rPh sb="0" eb="3">
      <t>チガサキ</t>
    </rPh>
    <rPh sb="3" eb="5">
      <t>シリツ</t>
    </rPh>
    <rPh sb="5" eb="7">
      <t>ビョウイン</t>
    </rPh>
    <phoneticPr fontId="2"/>
  </si>
  <si>
    <t>茅ヶ崎市本村5-15-3</t>
    <rPh sb="0" eb="4">
      <t>チガサキシ</t>
    </rPh>
    <rPh sb="4" eb="6">
      <t>ホンソン</t>
    </rPh>
    <phoneticPr fontId="2"/>
  </si>
  <si>
    <t>本館２階</t>
    <rPh sb="0" eb="2">
      <t>ホンカン</t>
    </rPh>
    <rPh sb="3" eb="4">
      <t>カイ</t>
    </rPh>
    <phoneticPr fontId="2"/>
  </si>
  <si>
    <t>中央公園</t>
    <rPh sb="0" eb="2">
      <t>チュウオウ</t>
    </rPh>
    <rPh sb="2" eb="4">
      <t>コウエン</t>
    </rPh>
    <phoneticPr fontId="2"/>
  </si>
  <si>
    <t>クラブハウス営業日時に準ずる</t>
    <rPh sb="6" eb="8">
      <t>エイギョウ</t>
    </rPh>
    <rPh sb="8" eb="10">
      <t>ニチジ</t>
    </rPh>
    <rPh sb="11" eb="12">
      <t>ジュン</t>
    </rPh>
    <phoneticPr fontId="2"/>
  </si>
  <si>
    <t>文化プラザホール</t>
    <rPh sb="0" eb="2">
      <t>ブンカ</t>
    </rPh>
    <phoneticPr fontId="2"/>
  </si>
  <si>
    <t>2階はホールの利用があるときに限る。</t>
    <rPh sb="1" eb="2">
      <t>カイ</t>
    </rPh>
    <rPh sb="7" eb="9">
      <t>リヨウ</t>
    </rPh>
    <rPh sb="15" eb="16">
      <t>カギ</t>
    </rPh>
    <phoneticPr fontId="2"/>
  </si>
  <si>
    <t>市民交流センター</t>
    <rPh sb="0" eb="4">
      <t>シミンコウリュウ</t>
    </rPh>
    <phoneticPr fontId="2"/>
  </si>
  <si>
    <t>1階、２階</t>
    <rPh sb="1" eb="2">
      <t>カイ</t>
    </rPh>
    <rPh sb="4" eb="5">
      <t>カイ</t>
    </rPh>
    <phoneticPr fontId="2"/>
  </si>
  <si>
    <t>こども発達支援センター</t>
    <rPh sb="3" eb="5">
      <t>ハッタツ</t>
    </rPh>
    <rPh sb="5" eb="7">
      <t>シエン</t>
    </rPh>
    <phoneticPr fontId="2"/>
  </si>
  <si>
    <t>１階、2階</t>
    <rPh sb="1" eb="2">
      <t>カイ</t>
    </rPh>
    <rPh sb="4" eb="5">
      <t>カイ</t>
    </rPh>
    <phoneticPr fontId="2"/>
  </si>
  <si>
    <t>三浦市火葬場管理棟</t>
    <rPh sb="0" eb="3">
      <t>ミウラシ</t>
    </rPh>
    <rPh sb="3" eb="6">
      <t>カソウジョウ</t>
    </rPh>
    <rPh sb="6" eb="9">
      <t>カンリトウ</t>
    </rPh>
    <phoneticPr fontId="2"/>
  </si>
  <si>
    <t>火葬場管理棟内</t>
    <rPh sb="0" eb="3">
      <t>カソウバ</t>
    </rPh>
    <rPh sb="3" eb="7">
      <t>カンリトウナイ</t>
    </rPh>
    <phoneticPr fontId="2"/>
  </si>
  <si>
    <t>愛甲公民館</t>
    <rPh sb="0" eb="2">
      <t>アイコウ</t>
    </rPh>
    <rPh sb="2" eb="5">
      <t>コウミンカン</t>
    </rPh>
    <phoneticPr fontId="2"/>
  </si>
  <si>
    <t>厚木市愛甲西1-17-1</t>
    <rPh sb="0" eb="3">
      <t>アツギシ</t>
    </rPh>
    <rPh sb="3" eb="5">
      <t>アイコウ</t>
    </rPh>
    <rPh sb="5" eb="6">
      <t>ニシ</t>
    </rPh>
    <phoneticPr fontId="2"/>
  </si>
  <si>
    <t>みんなのトイレ</t>
    <phoneticPr fontId="2"/>
  </si>
  <si>
    <t>アミューあつぎ</t>
    <phoneticPr fontId="2"/>
  </si>
  <si>
    <t>あつぎ市民交流プラザ７階みんなのトイレ</t>
    <rPh sb="3" eb="7">
      <t>シミンコウリュウ</t>
    </rPh>
    <rPh sb="11" eb="12">
      <t>カイ</t>
    </rPh>
    <phoneticPr fontId="2"/>
  </si>
  <si>
    <t>12/29～1/3（休館日）以外</t>
    <rPh sb="10" eb="13">
      <t>キュウカンビ</t>
    </rPh>
    <rPh sb="14" eb="16">
      <t>イガイ</t>
    </rPh>
    <phoneticPr fontId="2"/>
  </si>
  <si>
    <t>8：30～22：00</t>
    <phoneticPr fontId="2"/>
  </si>
  <si>
    <t>保健福祉センター</t>
    <rPh sb="0" eb="4">
      <t>ホケンフクシ</t>
    </rPh>
    <phoneticPr fontId="2"/>
  </si>
  <si>
    <t>１階　南側身障者用トイレ
１階　ケアルーム</t>
    <rPh sb="1" eb="2">
      <t>カイ</t>
    </rPh>
    <rPh sb="3" eb="4">
      <t>ミナミ</t>
    </rPh>
    <rPh sb="4" eb="5">
      <t>ガワ</t>
    </rPh>
    <rPh sb="5" eb="9">
      <t>シンショウシャヨウ</t>
    </rPh>
    <rPh sb="14" eb="15">
      <t>カイ</t>
    </rPh>
    <phoneticPr fontId="2"/>
  </si>
  <si>
    <t>厚木市荻野運動公園</t>
    <rPh sb="0" eb="3">
      <t>アツギシ</t>
    </rPh>
    <rPh sb="3" eb="5">
      <t>オギノ</t>
    </rPh>
    <rPh sb="5" eb="9">
      <t>ウンドウコウエン</t>
    </rPh>
    <phoneticPr fontId="2"/>
  </si>
  <si>
    <t>厚木市中荻野1500</t>
    <rPh sb="0" eb="3">
      <t>アツギシ</t>
    </rPh>
    <rPh sb="3" eb="6">
      <t>ナカオギノ</t>
    </rPh>
    <phoneticPr fontId="2"/>
  </si>
  <si>
    <t>厚木市荻野運動公園競技場</t>
    <phoneticPr fontId="2"/>
  </si>
  <si>
    <t>みんなのトイレ（１階）
多目的トイレ（２階）
各１台</t>
    <rPh sb="9" eb="10">
      <t>カイ</t>
    </rPh>
    <rPh sb="12" eb="15">
      <t>タモクテキ</t>
    </rPh>
    <rPh sb="20" eb="21">
      <t>カイ</t>
    </rPh>
    <rPh sb="23" eb="24">
      <t>カク</t>
    </rPh>
    <rPh sb="25" eb="26">
      <t>ダイ</t>
    </rPh>
    <phoneticPr fontId="2"/>
  </si>
  <si>
    <t>大和市障害者自立支援センター</t>
    <rPh sb="0" eb="3">
      <t>ヤマトシ</t>
    </rPh>
    <rPh sb="3" eb="6">
      <t>ショウガイシャ</t>
    </rPh>
    <rPh sb="6" eb="8">
      <t>ジリツ</t>
    </rPh>
    <rPh sb="8" eb="10">
      <t>シエン</t>
    </rPh>
    <phoneticPr fontId="2"/>
  </si>
  <si>
    <t>大和市鶴間1-19-3</t>
    <rPh sb="0" eb="3">
      <t>ヤマトシ</t>
    </rPh>
    <rPh sb="3" eb="5">
      <t>ツルマ</t>
    </rPh>
    <phoneticPr fontId="2"/>
  </si>
  <si>
    <t>みんなのトイレ内</t>
    <rPh sb="7" eb="8">
      <t>ナイ</t>
    </rPh>
    <phoneticPr fontId="2"/>
  </si>
  <si>
    <t>月～土曜日（祝日を除く）　9:00～17:00</t>
    <rPh sb="0" eb="1">
      <t>ゲツ</t>
    </rPh>
    <rPh sb="2" eb="5">
      <t>ドヨウビ</t>
    </rPh>
    <rPh sb="6" eb="8">
      <t>シュクジツ</t>
    </rPh>
    <rPh sb="9" eb="10">
      <t>ノゾ</t>
    </rPh>
    <phoneticPr fontId="2"/>
  </si>
  <si>
    <t>平日　8:30～17:15</t>
    <rPh sb="0" eb="2">
      <t>ヘイジツ</t>
    </rPh>
    <phoneticPr fontId="2"/>
  </si>
  <si>
    <t>大和市文化・スポーツ・子育てセンター</t>
    <rPh sb="0" eb="3">
      <t>ヤマトシ</t>
    </rPh>
    <rPh sb="3" eb="5">
      <t>ブンカ</t>
    </rPh>
    <rPh sb="11" eb="13">
      <t>コソダ</t>
    </rPh>
    <phoneticPr fontId="2"/>
  </si>
  <si>
    <t>大和市中央林間 1-3-1</t>
    <rPh sb="0" eb="3">
      <t>ヤマトシ</t>
    </rPh>
    <phoneticPr fontId="2"/>
  </si>
  <si>
    <t>１、２階みんなのトイレ内</t>
    <rPh sb="3" eb="4">
      <t>カイ</t>
    </rPh>
    <rPh sb="11" eb="12">
      <t>ナイ</t>
    </rPh>
    <phoneticPr fontId="2"/>
  </si>
  <si>
    <t>休館日：12/29－1/3</t>
    <phoneticPr fontId="2"/>
  </si>
  <si>
    <t>大和市文化創造拠点シリウス</t>
    <rPh sb="0" eb="3">
      <t>ヤマトシ</t>
    </rPh>
    <rPh sb="3" eb="9">
      <t>ブンカソウゾウキョテン</t>
    </rPh>
    <phoneticPr fontId="2"/>
  </si>
  <si>
    <t>大和市大和南1-8-1</t>
    <rPh sb="0" eb="3">
      <t>ヤマトシ</t>
    </rPh>
    <rPh sb="3" eb="6">
      <t>ヤマトミナミ</t>
    </rPh>
    <phoneticPr fontId="2"/>
  </si>
  <si>
    <t>１、６階みんなのトイレ内</t>
    <rPh sb="3" eb="4">
      <t>カイ</t>
    </rPh>
    <rPh sb="11" eb="12">
      <t>ナイ</t>
    </rPh>
    <phoneticPr fontId="2"/>
  </si>
  <si>
    <t>1階休館日：12/31－1/1
6階休館日：12/29－1/3</t>
    <rPh sb="1" eb="2">
      <t>カイ</t>
    </rPh>
    <rPh sb="17" eb="18">
      <t>カイ</t>
    </rPh>
    <rPh sb="18" eb="21">
      <t>キュウカンビ</t>
    </rPh>
    <phoneticPr fontId="2"/>
  </si>
  <si>
    <t>大和ゆとりの森</t>
    <rPh sb="0" eb="2">
      <t>ヤマト</t>
    </rPh>
    <rPh sb="6" eb="7">
      <t>モリ</t>
    </rPh>
    <phoneticPr fontId="2"/>
  </si>
  <si>
    <t>・仲良しプラザ屋内トイレ
・仲良しプラザ屋外トイレ
・芝生グラウンド南側トイレ
・バーベキュー広場東側トイレ</t>
    <rPh sb="1" eb="3">
      <t>ナカヨ</t>
    </rPh>
    <rPh sb="7" eb="9">
      <t>オクナイ</t>
    </rPh>
    <rPh sb="14" eb="16">
      <t>ナカヨ</t>
    </rPh>
    <rPh sb="20" eb="22">
      <t>オクガイ</t>
    </rPh>
    <rPh sb="27" eb="29">
      <t>シバフ</t>
    </rPh>
    <rPh sb="34" eb="36">
      <t>ミナミガワ</t>
    </rPh>
    <rPh sb="47" eb="49">
      <t>ヒロバ</t>
    </rPh>
    <rPh sb="49" eb="51">
      <t>ヒガシガワ</t>
    </rPh>
    <phoneticPr fontId="2"/>
  </si>
  <si>
    <t>海老名運動公園</t>
    <rPh sb="0" eb="3">
      <t>エビナ</t>
    </rPh>
    <rPh sb="3" eb="5">
      <t>ウンドウ</t>
    </rPh>
    <rPh sb="5" eb="7">
      <t>コウエン</t>
    </rPh>
    <phoneticPr fontId="2"/>
  </si>
  <si>
    <t>総合体育館多目的室横</t>
    <rPh sb="0" eb="2">
      <t>ソウゴウ</t>
    </rPh>
    <rPh sb="2" eb="5">
      <t>タイイクカン</t>
    </rPh>
    <rPh sb="5" eb="8">
      <t>タモクテキ</t>
    </rPh>
    <rPh sb="8" eb="9">
      <t>シツ</t>
    </rPh>
    <rPh sb="9" eb="10">
      <t>ヨコ</t>
    </rPh>
    <phoneticPr fontId="2"/>
  </si>
  <si>
    <t>海老名駅西口特定公共施設</t>
  </si>
  <si>
    <t>海老名駅西口公衆トイレ内</t>
    <rPh sb="0" eb="4">
      <t>エビナエキ</t>
    </rPh>
    <rPh sb="4" eb="6">
      <t>ニシグチ</t>
    </rPh>
    <rPh sb="6" eb="8">
      <t>コウシュウ</t>
    </rPh>
    <rPh sb="11" eb="12">
      <t>ナイ</t>
    </rPh>
    <phoneticPr fontId="2"/>
  </si>
  <si>
    <t>海老名市立中央図書館</t>
    <rPh sb="0" eb="5">
      <t>エビナシリツ</t>
    </rPh>
    <rPh sb="5" eb="7">
      <t>チュウオウ</t>
    </rPh>
    <rPh sb="7" eb="10">
      <t>トショカン</t>
    </rPh>
    <phoneticPr fontId="2"/>
  </si>
  <si>
    <t>海老名市立有馬図書館・門沢橋コミュニティセンター</t>
    <rPh sb="0" eb="5">
      <t>エビナシリツ</t>
    </rPh>
    <rPh sb="5" eb="7">
      <t>アリマ</t>
    </rPh>
    <rPh sb="7" eb="10">
      <t>トショカン</t>
    </rPh>
    <rPh sb="11" eb="14">
      <t>カドサワバシ</t>
    </rPh>
    <phoneticPr fontId="2"/>
  </si>
  <si>
    <t>門沢橋コミュニティセンター２階・多目的トイレ</t>
    <rPh sb="0" eb="3">
      <t>カドサワバシ</t>
    </rPh>
    <rPh sb="14" eb="15">
      <t>カイ</t>
    </rPh>
    <rPh sb="16" eb="19">
      <t>タモクテキ</t>
    </rPh>
    <phoneticPr fontId="2"/>
  </si>
  <si>
    <t>年末年始・毎月最終月曜日は休館のため使用不可</t>
    <rPh sb="0" eb="2">
      <t>ネンマツ</t>
    </rPh>
    <rPh sb="2" eb="4">
      <t>ネンシ</t>
    </rPh>
    <rPh sb="5" eb="7">
      <t>マイツキ</t>
    </rPh>
    <rPh sb="7" eb="9">
      <t>サイシュウ</t>
    </rPh>
    <rPh sb="9" eb="12">
      <t>ゲツヨウビ</t>
    </rPh>
    <rPh sb="13" eb="15">
      <t>キュウカン</t>
    </rPh>
    <rPh sb="18" eb="20">
      <t>シヨウ</t>
    </rPh>
    <rPh sb="20" eb="22">
      <t>フカ</t>
    </rPh>
    <phoneticPr fontId="2"/>
  </si>
  <si>
    <t>青少年センター</t>
    <rPh sb="0" eb="3">
      <t>セイショウネン</t>
    </rPh>
    <phoneticPr fontId="2"/>
  </si>
  <si>
    <t>１階、２階バリアフリートイレ内</t>
    <rPh sb="1" eb="2">
      <t>カイ</t>
    </rPh>
    <rPh sb="4" eb="5">
      <t>カイ</t>
    </rPh>
    <rPh sb="14" eb="15">
      <t>ナイ</t>
    </rPh>
    <phoneticPr fontId="2"/>
  </si>
  <si>
    <t>休館日 第2土曜日・年末年始(12月29日～1月3日)</t>
    <rPh sb="0" eb="3">
      <t>キュウカンビ</t>
    </rPh>
    <rPh sb="4" eb="5">
      <t>ダイ</t>
    </rPh>
    <rPh sb="6" eb="9">
      <t>ドヨウビ</t>
    </rPh>
    <rPh sb="10" eb="12">
      <t>ネンマツ</t>
    </rPh>
    <rPh sb="12" eb="14">
      <t>ネンシ</t>
    </rPh>
    <rPh sb="17" eb="18">
      <t>ガツ</t>
    </rPh>
    <rPh sb="20" eb="21">
      <t>ニチ</t>
    </rPh>
    <rPh sb="23" eb="24">
      <t>ガツ</t>
    </rPh>
    <rPh sb="25" eb="26">
      <t>ニチ</t>
    </rPh>
    <phoneticPr fontId="2"/>
  </si>
  <si>
    <t>葉山町役場庁舎</t>
    <rPh sb="0" eb="5">
      <t>ハヤママチヤクバ</t>
    </rPh>
    <rPh sb="5" eb="7">
      <t>チョウシャ</t>
    </rPh>
    <phoneticPr fontId="2"/>
  </si>
  <si>
    <t>庁舎１階　みんなのトイレ
庁舎３階　みんなのトイレ</t>
    <rPh sb="0" eb="2">
      <t>チョウシャ</t>
    </rPh>
    <rPh sb="3" eb="4">
      <t>カイ</t>
    </rPh>
    <rPh sb="13" eb="15">
      <t>チョウシャ</t>
    </rPh>
    <rPh sb="16" eb="17">
      <t>カイ</t>
    </rPh>
    <phoneticPr fontId="2"/>
  </si>
  <si>
    <t>平日8:30～17:00</t>
    <rPh sb="0" eb="2">
      <t>ヘイジツ</t>
    </rPh>
    <phoneticPr fontId="2"/>
  </si>
  <si>
    <t>葉山町立図書館</t>
    <rPh sb="0" eb="2">
      <t>ハヤマ</t>
    </rPh>
    <rPh sb="2" eb="4">
      <t>チョウリツ</t>
    </rPh>
    <rPh sb="4" eb="7">
      <t>トショカン</t>
    </rPh>
    <phoneticPr fontId="2"/>
  </si>
  <si>
    <t>三浦郡葉山町堀内１８７４番地</t>
    <rPh sb="0" eb="2">
      <t>ミウラ</t>
    </rPh>
    <rPh sb="2" eb="3">
      <t>グン</t>
    </rPh>
    <rPh sb="3" eb="5">
      <t>ハヤマ</t>
    </rPh>
    <rPh sb="5" eb="6">
      <t>マチ</t>
    </rPh>
    <rPh sb="6" eb="8">
      <t>ホリウチ</t>
    </rPh>
    <rPh sb="12" eb="14">
      <t>バンチ</t>
    </rPh>
    <phoneticPr fontId="2"/>
  </si>
  <si>
    <t>休館日
①月曜日（祝日は開館、翌日以降の平日に振替）
②年末年始
③特別整理期間</t>
    <rPh sb="0" eb="3">
      <t>キュウカンビ</t>
    </rPh>
    <rPh sb="5" eb="8">
      <t>ゲツヨウビ</t>
    </rPh>
    <rPh sb="9" eb="11">
      <t>シュクジツ</t>
    </rPh>
    <rPh sb="12" eb="14">
      <t>カイカン</t>
    </rPh>
    <rPh sb="15" eb="19">
      <t>ヨクジツイコウ</t>
    </rPh>
    <rPh sb="20" eb="22">
      <t>ヘイジツ</t>
    </rPh>
    <rPh sb="23" eb="25">
      <t>フリカエ</t>
    </rPh>
    <rPh sb="28" eb="32">
      <t>ネンマツネンシ</t>
    </rPh>
    <rPh sb="34" eb="40">
      <t>トクベツセイリキカン</t>
    </rPh>
    <phoneticPr fontId="2"/>
  </si>
  <si>
    <t>相模原麻溝公園競技場</t>
    <rPh sb="0" eb="3">
      <t>サガミハラ</t>
    </rPh>
    <rPh sb="3" eb="5">
      <t>アサミゾ</t>
    </rPh>
    <rPh sb="5" eb="7">
      <t>コウエン</t>
    </rPh>
    <rPh sb="7" eb="9">
      <t>キョウギ</t>
    </rPh>
    <rPh sb="9" eb="10">
      <t>ジョウ</t>
    </rPh>
    <phoneticPr fontId="2"/>
  </si>
  <si>
    <t>相模原市立あじさい会館</t>
    <rPh sb="0" eb="5">
      <t>サガミハラシリツ</t>
    </rPh>
    <rPh sb="9" eb="11">
      <t>カイカン</t>
    </rPh>
    <phoneticPr fontId="2"/>
  </si>
  <si>
    <t>相模原市中央区富士見6-1-20</t>
    <rPh sb="0" eb="4">
      <t>サガミハラシ</t>
    </rPh>
    <rPh sb="4" eb="7">
      <t>チュウオウク</t>
    </rPh>
    <rPh sb="7" eb="10">
      <t>フジミ</t>
    </rPh>
    <phoneticPr fontId="2"/>
  </si>
  <si>
    <t>１階「車椅子用お手洗い」</t>
    <rPh sb="1" eb="2">
      <t>カイ</t>
    </rPh>
    <rPh sb="3" eb="4">
      <t>クルマ</t>
    </rPh>
    <rPh sb="4" eb="6">
      <t>イス</t>
    </rPh>
    <rPh sb="6" eb="7">
      <t>ヨウ</t>
    </rPh>
    <rPh sb="8" eb="10">
      <t>テアラ</t>
    </rPh>
    <phoneticPr fontId="2"/>
  </si>
  <si>
    <t>平日・休日8:30～22:00
年末年始他全館閉館日は利用不可</t>
    <rPh sb="0" eb="2">
      <t>ヘイジツ</t>
    </rPh>
    <rPh sb="3" eb="5">
      <t>キュウジツ</t>
    </rPh>
    <rPh sb="16" eb="20">
      <t>ネンマツネンシ</t>
    </rPh>
    <rPh sb="20" eb="21">
      <t>ホカ</t>
    </rPh>
    <rPh sb="21" eb="23">
      <t>ゼンカン</t>
    </rPh>
    <rPh sb="23" eb="26">
      <t>ヘイカンビ</t>
    </rPh>
    <rPh sb="27" eb="31">
      <t>リヨウフカ</t>
    </rPh>
    <phoneticPr fontId="2"/>
  </si>
  <si>
    <t>相模原市立障害者支援センター松が丘園</t>
    <rPh sb="0" eb="5">
      <t>サガミハラシリツ</t>
    </rPh>
    <rPh sb="5" eb="8">
      <t>ショウガイシャ</t>
    </rPh>
    <rPh sb="8" eb="10">
      <t>シエン</t>
    </rPh>
    <rPh sb="14" eb="15">
      <t>マツ</t>
    </rPh>
    <rPh sb="16" eb="17">
      <t>オカ</t>
    </rPh>
    <rPh sb="17" eb="18">
      <t>エン</t>
    </rPh>
    <phoneticPr fontId="2"/>
  </si>
  <si>
    <t>相模原市中央区松が丘1-23-1</t>
    <rPh sb="0" eb="4">
      <t>サガミハラシ</t>
    </rPh>
    <rPh sb="4" eb="7">
      <t>チュウオウク</t>
    </rPh>
    <rPh sb="7" eb="8">
      <t>マツ</t>
    </rPh>
    <rPh sb="9" eb="10">
      <t>オカ</t>
    </rPh>
    <phoneticPr fontId="2"/>
  </si>
  <si>
    <t>相模原市立けやき体育館</t>
    <rPh sb="0" eb="5">
      <t>サガミハラシリツ</t>
    </rPh>
    <rPh sb="8" eb="11">
      <t>タイイクカン</t>
    </rPh>
    <phoneticPr fontId="2"/>
  </si>
  <si>
    <t>相模原市立緑第一障害者地域活動支援センター</t>
    <rPh sb="0" eb="4">
      <t>サガミハラシ</t>
    </rPh>
    <rPh sb="4" eb="5">
      <t>リツ</t>
    </rPh>
    <rPh sb="5" eb="6">
      <t>ミドリ</t>
    </rPh>
    <rPh sb="6" eb="8">
      <t>ダイイチ</t>
    </rPh>
    <rPh sb="8" eb="11">
      <t>ショウガイシャ</t>
    </rPh>
    <rPh sb="11" eb="17">
      <t>チイキカツドウシエン</t>
    </rPh>
    <phoneticPr fontId="2"/>
  </si>
  <si>
    <t>相模原市緑区与瀬1010-1</t>
    <rPh sb="0" eb="4">
      <t>サガミハラシ</t>
    </rPh>
    <rPh sb="4" eb="6">
      <t>ミドリク</t>
    </rPh>
    <rPh sb="6" eb="8">
      <t>ヨセ</t>
    </rPh>
    <phoneticPr fontId="2"/>
  </si>
  <si>
    <t>南保健福祉センター</t>
    <rPh sb="0" eb="1">
      <t>ソウナン</t>
    </rPh>
    <rPh sb="1" eb="3">
      <t>ホケン</t>
    </rPh>
    <rPh sb="3" eb="5">
      <t>フクシ</t>
    </rPh>
    <phoneticPr fontId="2"/>
  </si>
  <si>
    <t>相模原市南区相模大野6-22-1</t>
    <rPh sb="0" eb="4">
      <t>サガミハラシ</t>
    </rPh>
    <rPh sb="4" eb="6">
      <t>ミナミク</t>
    </rPh>
    <rPh sb="6" eb="10">
      <t>サガミオオノ</t>
    </rPh>
    <phoneticPr fontId="2"/>
  </si>
  <si>
    <t>・１階福祉棟（西側）みんなのトイレ内
・3階福祉棟（西側）みんなのトイレ内</t>
    <rPh sb="2" eb="3">
      <t>カイ</t>
    </rPh>
    <rPh sb="3" eb="5">
      <t>フクシ</t>
    </rPh>
    <rPh sb="5" eb="6">
      <t>トウ</t>
    </rPh>
    <rPh sb="7" eb="9">
      <t>ニシガワ</t>
    </rPh>
    <rPh sb="17" eb="18">
      <t>ナイ</t>
    </rPh>
    <rPh sb="21" eb="22">
      <t>カイ</t>
    </rPh>
    <rPh sb="22" eb="24">
      <t>フクシ</t>
    </rPh>
    <rPh sb="24" eb="25">
      <t>トウ</t>
    </rPh>
    <rPh sb="26" eb="28">
      <t>ニシガワ</t>
    </rPh>
    <phoneticPr fontId="2"/>
  </si>
  <si>
    <t>緑区役所合同庁舎</t>
    <rPh sb="0" eb="4">
      <t>ミドリクヤクショ</t>
    </rPh>
    <rPh sb="4" eb="6">
      <t>ゴウドウ</t>
    </rPh>
    <rPh sb="6" eb="8">
      <t>チョウシャ</t>
    </rPh>
    <phoneticPr fontId="2"/>
  </si>
  <si>
    <t>大沢まちづくりセンター・大沢公民館</t>
    <rPh sb="0" eb="2">
      <t>オオサワ</t>
    </rPh>
    <rPh sb="12" eb="14">
      <t>オオサワ</t>
    </rPh>
    <rPh sb="14" eb="17">
      <t>コウミンカン</t>
    </rPh>
    <phoneticPr fontId="2"/>
  </si>
  <si>
    <t>相模原市緑区大島1776-5</t>
    <rPh sb="0" eb="4">
      <t>サガミハラシ</t>
    </rPh>
    <rPh sb="4" eb="6">
      <t>ミドリク</t>
    </rPh>
    <rPh sb="6" eb="8">
      <t>オオシマ</t>
    </rPh>
    <phoneticPr fontId="2"/>
  </si>
  <si>
    <t>田名まちづくりセンター・田名公民館</t>
    <rPh sb="0" eb="2">
      <t>タナ</t>
    </rPh>
    <rPh sb="12" eb="14">
      <t>タナ</t>
    </rPh>
    <rPh sb="14" eb="17">
      <t>コウミンカン</t>
    </rPh>
    <phoneticPr fontId="2"/>
  </si>
  <si>
    <t>田名公民館１階みんなのトイレ</t>
    <phoneticPr fontId="2"/>
  </si>
  <si>
    <t>小田原市役所本庁舎</t>
    <rPh sb="0" eb="3">
      <t>オダワラ</t>
    </rPh>
    <rPh sb="3" eb="6">
      <t>シヤクショ</t>
    </rPh>
    <rPh sb="6" eb="9">
      <t>ホンチョウシャ</t>
    </rPh>
    <phoneticPr fontId="2"/>
  </si>
  <si>
    <t>２階みんなのトイレ</t>
    <rPh sb="1" eb="2">
      <t>カイ</t>
    </rPh>
    <phoneticPr fontId="2"/>
  </si>
  <si>
    <t>小田原三の丸ホール</t>
    <rPh sb="0" eb="3">
      <t>オダワラ</t>
    </rPh>
    <rPh sb="3" eb="4">
      <t>サン</t>
    </rPh>
    <rPh sb="5" eb="6">
      <t>マル</t>
    </rPh>
    <phoneticPr fontId="2"/>
  </si>
  <si>
    <t>２階小ホールホワイエ多機能トイレ内
３階大ホールホワイエ多機能トイレ内</t>
    <rPh sb="1" eb="2">
      <t>カイ</t>
    </rPh>
    <rPh sb="2" eb="3">
      <t>ショウ</t>
    </rPh>
    <rPh sb="10" eb="13">
      <t>タキノウ</t>
    </rPh>
    <rPh sb="16" eb="17">
      <t>ナイ</t>
    </rPh>
    <rPh sb="19" eb="20">
      <t>カイ</t>
    </rPh>
    <rPh sb="20" eb="21">
      <t>ダイ</t>
    </rPh>
    <phoneticPr fontId="2"/>
  </si>
  <si>
    <t>かわさき健康づくりセンター</t>
    <rPh sb="4" eb="6">
      <t>ケンコウ</t>
    </rPh>
    <phoneticPr fontId="2"/>
  </si>
  <si>
    <t>川崎市総合リハビリテーション推進センター</t>
    <rPh sb="0" eb="3">
      <t>カワサキシ</t>
    </rPh>
    <rPh sb="3" eb="5">
      <t>ソウゴウ</t>
    </rPh>
    <rPh sb="14" eb="16">
      <t>スイシン</t>
    </rPh>
    <phoneticPr fontId="2"/>
  </si>
  <si>
    <t>２階</t>
    <rPh sb="1" eb="2">
      <t>カイ</t>
    </rPh>
    <phoneticPr fontId="2"/>
  </si>
  <si>
    <t>幸区役所</t>
  </si>
  <si>
    <t>カルッツかわさき（川崎市スポーツ・文化総合センター）</t>
    <phoneticPr fontId="2"/>
  </si>
  <si>
    <t>１階総合受付</t>
    <phoneticPr fontId="2"/>
  </si>
  <si>
    <t>中原区役所別館</t>
    <rPh sb="0" eb="5">
      <t>ナカハラクヤクショ</t>
    </rPh>
    <rPh sb="5" eb="7">
      <t>ベッカン</t>
    </rPh>
    <phoneticPr fontId="2"/>
  </si>
  <si>
    <t>川崎市中原区小杉町3-245</t>
    <rPh sb="0" eb="3">
      <t>カワサキシ</t>
    </rPh>
    <phoneticPr fontId="2"/>
  </si>
  <si>
    <t>中原区役所別館１階多目的トイレ</t>
    <rPh sb="0" eb="5">
      <t>ナカハラクヤクショ</t>
    </rPh>
    <rPh sb="5" eb="7">
      <t>ベッカン</t>
    </rPh>
    <rPh sb="8" eb="9">
      <t>カイ</t>
    </rPh>
    <rPh sb="9" eb="12">
      <t>タモクテキ</t>
    </rPh>
    <phoneticPr fontId="2"/>
  </si>
  <si>
    <t>8:30～17:15</t>
    <phoneticPr fontId="2"/>
  </si>
  <si>
    <t>川崎市岡本太郎美術館</t>
    <rPh sb="0" eb="3">
      <t>カワサキシ</t>
    </rPh>
    <rPh sb="3" eb="5">
      <t>オカモト</t>
    </rPh>
    <rPh sb="5" eb="7">
      <t>タロウ</t>
    </rPh>
    <rPh sb="7" eb="10">
      <t>ビジュツカン</t>
    </rPh>
    <phoneticPr fontId="2"/>
  </si>
  <si>
    <t>エントランス多目的トイレ</t>
    <rPh sb="6" eb="9">
      <t>タモクテキ</t>
    </rPh>
    <phoneticPr fontId="2"/>
  </si>
  <si>
    <t>9:30～17:00
（月曜日・祝日の翌日・臨時休館日を除く）</t>
    <rPh sb="12" eb="13">
      <t>ゲツ</t>
    </rPh>
    <rPh sb="13" eb="15">
      <t>ヨウビ</t>
    </rPh>
    <rPh sb="16" eb="18">
      <t>シュクジツ</t>
    </rPh>
    <rPh sb="19" eb="21">
      <t>ヨクジツ</t>
    </rPh>
    <rPh sb="22" eb="24">
      <t>リンジ</t>
    </rPh>
    <rPh sb="24" eb="27">
      <t>キュウカンビ</t>
    </rPh>
    <rPh sb="28" eb="29">
      <t>ノゾ</t>
    </rPh>
    <phoneticPr fontId="2"/>
  </si>
  <si>
    <t>多摩スポーツセンター</t>
    <rPh sb="0" eb="2">
      <t>タマ</t>
    </rPh>
    <phoneticPr fontId="2"/>
  </si>
  <si>
    <t>川崎市多摩区菅北浦4-12-5</t>
    <rPh sb="0" eb="3">
      <t>カワサキシ</t>
    </rPh>
    <rPh sb="3" eb="5">
      <t>タマ</t>
    </rPh>
    <rPh sb="5" eb="6">
      <t>ク</t>
    </rPh>
    <rPh sb="6" eb="9">
      <t>スゲキタウラ</t>
    </rPh>
    <phoneticPr fontId="2"/>
  </si>
  <si>
    <t>１階大体育室横、１階温水プール横</t>
    <phoneticPr fontId="2"/>
  </si>
  <si>
    <t>川崎市民プラザ</t>
    <rPh sb="0" eb="2">
      <t>カワサキ</t>
    </rPh>
    <rPh sb="2" eb="4">
      <t>シミン</t>
    </rPh>
    <phoneticPr fontId="2"/>
  </si>
  <si>
    <t>川崎市民プラザ
1階ユニバーサルトイレ内</t>
    <rPh sb="0" eb="2">
      <t>カワサキ</t>
    </rPh>
    <rPh sb="2" eb="4">
      <t>シミン</t>
    </rPh>
    <rPh sb="9" eb="10">
      <t>カイ</t>
    </rPh>
    <rPh sb="19" eb="20">
      <t>ナイ</t>
    </rPh>
    <phoneticPr fontId="2"/>
  </si>
  <si>
    <t>川崎シンフォニーホール</t>
  </si>
  <si>
    <t>ミューザ川崎シンフォニーホール事務室（5F）横</t>
  </si>
  <si>
    <t>9:00～22:00
年末年始を除く
 （12/29〜1/3）</t>
  </si>
  <si>
    <t>川崎市青少年科学館</t>
    <rPh sb="0" eb="9">
      <t>カワサキシセイショウネンカガクカン</t>
    </rPh>
    <phoneticPr fontId="2"/>
  </si>
  <si>
    <t>１階多機能トイレ内</t>
    <rPh sb="1" eb="2">
      <t>カイ</t>
    </rPh>
    <rPh sb="2" eb="5">
      <t>タキノウ</t>
    </rPh>
    <rPh sb="8" eb="9">
      <t>ナイ</t>
    </rPh>
    <phoneticPr fontId="2"/>
  </si>
  <si>
    <t>多摩市民館（多摩区総合庁舎内）</t>
    <rPh sb="0" eb="5">
      <t>タマシミンカン</t>
    </rPh>
    <phoneticPr fontId="2"/>
  </si>
  <si>
    <t>川崎市多摩区登戸1775-1</t>
    <rPh sb="0" eb="3">
      <t>カワサキシ</t>
    </rPh>
    <rPh sb="3" eb="6">
      <t>タマク</t>
    </rPh>
    <rPh sb="6" eb="8">
      <t>ノボリト</t>
    </rPh>
    <phoneticPr fontId="2"/>
  </si>
  <si>
    <t>多摩市民館3階多機能トイレ内</t>
    <rPh sb="0" eb="2">
      <t>タマ</t>
    </rPh>
    <rPh sb="2" eb="5">
      <t>シミンカン</t>
    </rPh>
    <rPh sb="6" eb="7">
      <t>カイ</t>
    </rPh>
    <rPh sb="7" eb="10">
      <t>タキノウ</t>
    </rPh>
    <rPh sb="13" eb="14">
      <t>ナイ</t>
    </rPh>
    <phoneticPr fontId="2"/>
  </si>
  <si>
    <t>麻生市民館・麻生図書館</t>
    <rPh sb="6" eb="8">
      <t>アサオ</t>
    </rPh>
    <rPh sb="8" eb="11">
      <t>トショカン</t>
    </rPh>
    <phoneticPr fontId="2"/>
  </si>
  <si>
    <t>２階多目的トイレ</t>
    <rPh sb="1" eb="2">
      <t>カイ</t>
    </rPh>
    <rPh sb="2" eb="5">
      <t>タモクテキ</t>
    </rPh>
    <phoneticPr fontId="2"/>
  </si>
  <si>
    <t>図書館と同一建物</t>
    <rPh sb="0" eb="3">
      <t>トショカン</t>
    </rPh>
    <rPh sb="4" eb="6">
      <t>ドウイツ</t>
    </rPh>
    <rPh sb="6" eb="8">
      <t>タテモノ</t>
    </rPh>
    <phoneticPr fontId="2"/>
  </si>
  <si>
    <t>有馬野川生涯学習支援施設</t>
    <rPh sb="0" eb="2">
      <t>アリマ</t>
    </rPh>
    <rPh sb="2" eb="4">
      <t>ノガワ</t>
    </rPh>
    <rPh sb="4" eb="12">
      <t>ショウガイガクシュウシエンシセツ</t>
    </rPh>
    <phoneticPr fontId="2"/>
  </si>
  <si>
    <t>２階市民活動支援コーナー内</t>
    <rPh sb="1" eb="2">
      <t>カイ</t>
    </rPh>
    <rPh sb="2" eb="6">
      <t>シミンカツドウ</t>
    </rPh>
    <rPh sb="6" eb="8">
      <t>シエン</t>
    </rPh>
    <rPh sb="12" eb="13">
      <t>ナイ</t>
    </rPh>
    <phoneticPr fontId="2"/>
  </si>
  <si>
    <t>中原図書館</t>
    <rPh sb="0" eb="2">
      <t>ナカハラ</t>
    </rPh>
    <rPh sb="2" eb="5">
      <t>トショカン</t>
    </rPh>
    <phoneticPr fontId="2"/>
  </si>
  <si>
    <t>５階多目的トイレ、６階多目的トイレ</t>
    <rPh sb="1" eb="2">
      <t>カイ</t>
    </rPh>
    <rPh sb="2" eb="5">
      <t>タモクテキ</t>
    </rPh>
    <rPh sb="10" eb="11">
      <t>カイ</t>
    </rPh>
    <rPh sb="11" eb="14">
      <t>タモクテキ</t>
    </rPh>
    <phoneticPr fontId="2"/>
  </si>
  <si>
    <t>休館日
１　毎月第３月曜日(施設点検日)※祝休日にあたる場合は開館し、代わりに直後の平日を休館します。
２　館内特別整理期間
(蔵書点検など)
３　年末年始(１２月２９日～１月４日)※１２月２８日は午後５時閉館。
４　臨時休館がある場合は川崎市立図書館ホームページでお知らせします。</t>
    <rPh sb="0" eb="3">
      <t>キュウカンビ</t>
    </rPh>
    <rPh sb="6" eb="8">
      <t>マイゲツ</t>
    </rPh>
    <rPh sb="8" eb="9">
      <t>ダイ</t>
    </rPh>
    <rPh sb="54" eb="56">
      <t>カンナイ</t>
    </rPh>
    <rPh sb="109" eb="113">
      <t>リンジキュウカン</t>
    </rPh>
    <rPh sb="116" eb="118">
      <t>バアイ</t>
    </rPh>
    <rPh sb="119" eb="123">
      <t>カワサキシリツ</t>
    </rPh>
    <rPh sb="123" eb="126">
      <t>トショカン</t>
    </rPh>
    <rPh sb="134" eb="135">
      <t>シ</t>
    </rPh>
    <phoneticPr fontId="2"/>
  </si>
  <si>
    <t>青少年の家</t>
  </si>
  <si>
    <t>川崎市宮前区宮崎105-1</t>
  </si>
  <si>
    <t>１階多目的トイレ</t>
    <rPh sb="1" eb="2">
      <t>カイ</t>
    </rPh>
    <rPh sb="2" eb="5">
      <t>タモクテキ</t>
    </rPh>
    <phoneticPr fontId="2"/>
  </si>
  <si>
    <t>9:00～21:00</t>
  </si>
  <si>
    <t>川崎市立多摩病院</t>
    <rPh sb="0" eb="4">
      <t>カワサキシリツ</t>
    </rPh>
    <rPh sb="4" eb="8">
      <t>タマビョウイン</t>
    </rPh>
    <phoneticPr fontId="2"/>
  </si>
  <si>
    <t>川崎市多摩区宿河原1-30-37</t>
    <rPh sb="0" eb="9">
      <t>カワサキシタマクシュクガワラ</t>
    </rPh>
    <phoneticPr fontId="2"/>
  </si>
  <si>
    <t>東外来前バリアフリートイレ</t>
    <rPh sb="0" eb="4">
      <t>ヒガシガイライマエ</t>
    </rPh>
    <phoneticPr fontId="2"/>
  </si>
  <si>
    <t>9:00～21:00</t>
    <phoneticPr fontId="2"/>
  </si>
  <si>
    <t>逗子市逗子4-2-10</t>
  </si>
  <si>
    <t>逗子市逗子4-2-11</t>
  </si>
  <si>
    <t>逗子市桜山5-20-29</t>
  </si>
  <si>
    <t>厚木市中町1-4-1</t>
    <rPh sb="0" eb="3">
      <t>アツギシ</t>
    </rPh>
    <rPh sb="3" eb="5">
      <t>ナカチョウ</t>
    </rPh>
    <phoneticPr fontId="2"/>
  </si>
  <si>
    <t>大和市福田4112</t>
    <rPh sb="0" eb="3">
      <t>ヤマトシ</t>
    </rPh>
    <rPh sb="3" eb="5">
      <t>フクダ</t>
    </rPh>
    <phoneticPr fontId="2"/>
  </si>
  <si>
    <t>相模原市南区下溝4169</t>
    <rPh sb="0" eb="4">
      <t>サガミハラシ</t>
    </rPh>
    <rPh sb="4" eb="6">
      <t>ミナミク</t>
    </rPh>
    <rPh sb="6" eb="8">
      <t>シモミゾ</t>
    </rPh>
    <phoneticPr fontId="2"/>
  </si>
  <si>
    <t>川崎市多摩区枡形7-1-5生田緑地内</t>
    <rPh sb="0" eb="3">
      <t>カワサキシ</t>
    </rPh>
    <rPh sb="3" eb="6">
      <t>タマク</t>
    </rPh>
    <rPh sb="6" eb="8">
      <t>マスガタ</t>
    </rPh>
    <rPh sb="13" eb="15">
      <t>イクタ</t>
    </rPh>
    <rPh sb="15" eb="17">
      <t>リョクチ</t>
    </rPh>
    <rPh sb="17" eb="18">
      <t>ナイ</t>
    </rPh>
    <phoneticPr fontId="2"/>
  </si>
  <si>
    <t>川崎市高津区新作1-19-1</t>
    <rPh sb="0" eb="3">
      <t>カワサキシ</t>
    </rPh>
    <rPh sb="3" eb="6">
      <t>タカツク</t>
    </rPh>
    <rPh sb="6" eb="8">
      <t>シンサク</t>
    </rPh>
    <phoneticPr fontId="2"/>
  </si>
  <si>
    <t>川崎市宮前区東有馬4-6-1</t>
    <rPh sb="0" eb="3">
      <t>カワサキシ</t>
    </rPh>
    <rPh sb="3" eb="6">
      <t>ミヤマエク</t>
    </rPh>
    <rPh sb="6" eb="9">
      <t>ヒガシアリマ</t>
    </rPh>
    <phoneticPr fontId="2"/>
  </si>
  <si>
    <t>相模原市緑区西橋本5-3-21</t>
    <rPh sb="0" eb="4">
      <t>サガミハラシ</t>
    </rPh>
    <rPh sb="4" eb="6">
      <t>ミドリク</t>
    </rPh>
    <rPh sb="6" eb="7">
      <t>ニシ</t>
    </rPh>
    <rPh sb="7" eb="9">
      <t>ハシモト</t>
    </rPh>
    <phoneticPr fontId="2"/>
  </si>
  <si>
    <t>相模原市中央区富士見6-6-23</t>
    <rPh sb="0" eb="4">
      <t>サガミハラシ</t>
    </rPh>
    <rPh sb="4" eb="7">
      <t>チュウオウク</t>
    </rPh>
    <rPh sb="7" eb="10">
      <t>フジミ</t>
    </rPh>
    <phoneticPr fontId="2"/>
  </si>
  <si>
    <t>海老名市中新田3291-19</t>
  </si>
  <si>
    <t>茅ヶ崎市柳島1300</t>
    <rPh sb="0" eb="4">
      <t>チガサキシ</t>
    </rPh>
    <phoneticPr fontId="2"/>
  </si>
  <si>
    <t>茅ヶ崎市</t>
  </si>
  <si>
    <t>三浦市初声町下宮田5-11</t>
    <rPh sb="0" eb="3">
      <t>ミウラシ</t>
    </rPh>
    <rPh sb="3" eb="6">
      <t>ハッセマチ</t>
    </rPh>
    <rPh sb="6" eb="9">
      <t>シモミヤタ</t>
    </rPh>
    <phoneticPr fontId="2"/>
  </si>
  <si>
    <t>三浦市三崎町六合1019-1</t>
    <rPh sb="0" eb="3">
      <t>ミウラシ</t>
    </rPh>
    <rPh sb="3" eb="8">
      <t>ミサキマチムツアイ</t>
    </rPh>
    <phoneticPr fontId="2"/>
  </si>
  <si>
    <t>横須賀市新港町1-10</t>
    <rPh sb="0" eb="4">
      <t>ヨコスカシ</t>
    </rPh>
    <rPh sb="4" eb="6">
      <t>シンコウ</t>
    </rPh>
    <rPh sb="6" eb="7">
      <t>チョウ</t>
    </rPh>
    <phoneticPr fontId="2"/>
  </si>
  <si>
    <t>川崎市川崎区富士見1-1-4</t>
  </si>
  <si>
    <t>茅ヶ崎市萩園820</t>
  </si>
  <si>
    <t>海老名市扇町13</t>
    <rPh sb="0" eb="4">
      <t>エビナシ</t>
    </rPh>
    <rPh sb="4" eb="6">
      <t>オウギチョウ</t>
    </rPh>
    <phoneticPr fontId="2"/>
  </si>
  <si>
    <t>相模原市中央区田名4834</t>
  </si>
  <si>
    <t>藤沢市南藤沢21-1（ODAKYU湘南GATE6階）</t>
  </si>
  <si>
    <t>川崎市川崎区日進町5-1　川崎市複合福祉センタ-ふくふく</t>
    <rPh sb="3" eb="9">
      <t>カワサキクニッシンチョウ</t>
    </rPh>
    <rPh sb="13" eb="20">
      <t>カワサキシフクゴウフクシ</t>
    </rPh>
    <phoneticPr fontId="2"/>
  </si>
  <si>
    <t>川崎市幸区南幸町3-154-4</t>
    <rPh sb="0" eb="2">
      <t>カワサキ</t>
    </rPh>
    <rPh sb="2" eb="3">
      <t>シ</t>
    </rPh>
    <rPh sb="3" eb="5">
      <t>サイワイク</t>
    </rPh>
    <rPh sb="5" eb="6">
      <t>ミナミ</t>
    </rPh>
    <rPh sb="6" eb="7">
      <t>サイワイ</t>
    </rPh>
    <rPh sb="7" eb="8">
      <t>マチ</t>
    </rPh>
    <phoneticPr fontId="2"/>
  </si>
  <si>
    <t>川崎市中原区小杉町3-256</t>
    <rPh sb="0" eb="3">
      <t>カワサキシ</t>
    </rPh>
    <rPh sb="3" eb="6">
      <t>ナカハラク</t>
    </rPh>
    <rPh sb="6" eb="9">
      <t>コスギチョウ</t>
    </rPh>
    <phoneticPr fontId="2"/>
  </si>
  <si>
    <t>平塚市浅間町1-1</t>
    <rPh sb="0" eb="3">
      <t>ヒラツカシ</t>
    </rPh>
    <rPh sb="3" eb="6">
      <t>センゲンチョウ</t>
    </rPh>
    <phoneticPr fontId="2"/>
  </si>
  <si>
    <t>平塚市大原1-1</t>
    <rPh sb="0" eb="3">
      <t>ヒラツカシ</t>
    </rPh>
    <rPh sb="3" eb="5">
      <t>オオハラ</t>
    </rPh>
    <phoneticPr fontId="2"/>
  </si>
  <si>
    <t>海老名市めぐみ町7-1</t>
    <rPh sb="0" eb="4">
      <t>エビナシ</t>
    </rPh>
    <rPh sb="7" eb="8">
      <t>チョウ</t>
    </rPh>
    <phoneticPr fontId="2"/>
  </si>
  <si>
    <t>川崎市多摩区枡形7-1-2</t>
    <rPh sb="0" eb="6">
      <t>カワサキシタマク</t>
    </rPh>
    <rPh sb="6" eb="7">
      <t>マス</t>
    </rPh>
    <rPh sb="7" eb="8">
      <t>カタ</t>
    </rPh>
    <phoneticPr fontId="2"/>
  </si>
  <si>
    <t>川崎市麻生区万福寺1-5-2</t>
  </si>
  <si>
    <t>横須賀市日の出町1-5</t>
    <rPh sb="0" eb="4">
      <t>ヨコスカシ</t>
    </rPh>
    <rPh sb="4" eb="5">
      <t>ヒ</t>
    </rPh>
    <rPh sb="6" eb="8">
      <t>デチョウ</t>
    </rPh>
    <phoneticPr fontId="2"/>
  </si>
  <si>
    <t>横須賀市深田台95</t>
    <phoneticPr fontId="2"/>
  </si>
  <si>
    <t>横須賀市本町2-1</t>
    <rPh sb="0" eb="4">
      <t>ヨコスカシ</t>
    </rPh>
    <rPh sb="4" eb="6">
      <t>ホンチョウ</t>
    </rPh>
    <phoneticPr fontId="2"/>
  </si>
  <si>
    <t>茅ヶ崎市柳島1300</t>
    <phoneticPr fontId="2"/>
  </si>
  <si>
    <t>茅ヶ崎市茅ヶ崎2-2077-12</t>
    <rPh sb="0" eb="4">
      <t>チガサキシ</t>
    </rPh>
    <phoneticPr fontId="2"/>
  </si>
  <si>
    <t>海老名市門沢橋1-20-41</t>
    <rPh sb="0" eb="4">
      <t>エビナシ</t>
    </rPh>
    <rPh sb="4" eb="7">
      <t>カドサワバシ</t>
    </rPh>
    <phoneticPr fontId="2"/>
  </si>
  <si>
    <t>綾瀬市深谷中4-7-10</t>
    <rPh sb="0" eb="3">
      <t>アヤセシ</t>
    </rPh>
    <rPh sb="3" eb="5">
      <t>フカヤ</t>
    </rPh>
    <rPh sb="5" eb="6">
      <t>ナカ</t>
    </rPh>
    <phoneticPr fontId="2"/>
  </si>
  <si>
    <t>三浦郡葉山町堀内2135</t>
    <rPh sb="0" eb="3">
      <t>ミウラグン</t>
    </rPh>
    <rPh sb="3" eb="6">
      <t>ハヤママチ</t>
    </rPh>
    <rPh sb="6" eb="8">
      <t>ホリウチ</t>
    </rPh>
    <phoneticPr fontId="2"/>
  </si>
  <si>
    <t>三浦郡葉山町堀内1874</t>
    <rPh sb="0" eb="2">
      <t>ミウラ</t>
    </rPh>
    <rPh sb="2" eb="3">
      <t>グン</t>
    </rPh>
    <rPh sb="3" eb="5">
      <t>ハヤマ</t>
    </rPh>
    <rPh sb="5" eb="6">
      <t>マチ</t>
    </rPh>
    <rPh sb="6" eb="8">
      <t>ホリウチ</t>
    </rPh>
    <phoneticPr fontId="2"/>
  </si>
  <si>
    <t>小田原市荻窪300</t>
    <rPh sb="0" eb="4">
      <t>オダワラシ</t>
    </rPh>
    <rPh sb="4" eb="6">
      <t>オギクボ</t>
    </rPh>
    <phoneticPr fontId="2"/>
  </si>
  <si>
    <t>小田原市本町1-7-50</t>
    <rPh sb="0" eb="4">
      <t>オダワラシ</t>
    </rPh>
    <rPh sb="4" eb="6">
      <t>ホンチョウ</t>
    </rPh>
    <phoneticPr fontId="2"/>
  </si>
  <si>
    <t>川崎市幸区戸手本町1-11-1</t>
    <rPh sb="0" eb="3">
      <t>カワサキシ</t>
    </rPh>
    <phoneticPr fontId="2"/>
  </si>
  <si>
    <t>川崎市幸区大宮町1310</t>
    <phoneticPr fontId="2"/>
  </si>
  <si>
    <t>相模原市緑区西橋本5-4-25</t>
    <rPh sb="0" eb="4">
      <t>サガミハラシ</t>
    </rPh>
    <rPh sb="4" eb="6">
      <t>ミドリク</t>
    </rPh>
    <rPh sb="6" eb="7">
      <t>ニシ</t>
    </rPh>
    <rPh sb="7" eb="9">
      <t>ハシモト</t>
    </rPh>
    <phoneticPr fontId="2"/>
  </si>
  <si>
    <t>横須賀市大津町3-34-40</t>
    <rPh sb="0" eb="4">
      <t>ヨコスカシ</t>
    </rPh>
    <rPh sb="4" eb="7">
      <t>オオツチョウ</t>
    </rPh>
    <phoneticPr fontId="2"/>
  </si>
  <si>
    <t>横須賀市長坂1-3-2</t>
    <phoneticPr fontId="2"/>
  </si>
  <si>
    <t>茅ヶ崎市常盤町2-2</t>
    <rPh sb="0" eb="4">
      <t>チガサキシ</t>
    </rPh>
    <rPh sb="4" eb="6">
      <t>トキワ</t>
    </rPh>
    <rPh sb="6" eb="7">
      <t>マチ</t>
    </rPh>
    <phoneticPr fontId="2"/>
  </si>
  <si>
    <t>茅ヶ崎市中海岸3-3-9</t>
    <rPh sb="0" eb="4">
      <t>チガサキシ</t>
    </rPh>
    <rPh sb="4" eb="5">
      <t>ナカ</t>
    </rPh>
    <rPh sb="5" eb="7">
      <t>カイガン</t>
    </rPh>
    <phoneticPr fontId="2"/>
  </si>
  <si>
    <t>厚木市中町2-12-15</t>
    <rPh sb="0" eb="2">
      <t>アツギシ</t>
    </rPh>
    <phoneticPr fontId="2"/>
  </si>
  <si>
    <t>1階（、2階）</t>
    <rPh sb="1" eb="2">
      <t>カイ</t>
    </rPh>
    <rPh sb="5" eb="6">
      <t>カイ</t>
    </rPh>
    <phoneticPr fontId="2"/>
  </si>
  <si>
    <t>（利用可能日）
平日　　10:00～20:00
土日祝　10:00～18:00
（利用不可能日） 
第2月曜日（休日の場合は、その後最初に来る平日の月曜日）
特別整理期間　4月～翌年3月の間に10日以内（その都度お知らせします）
年末年始（12月29日～1月4日）
全館設備点検日（年1回）</t>
    <rPh sb="1" eb="3">
      <t>リヨウ</t>
    </rPh>
    <rPh sb="3" eb="5">
      <t>カノウ</t>
    </rPh>
    <rPh sb="5" eb="6">
      <t>ビ</t>
    </rPh>
    <rPh sb="41" eb="43">
      <t>リヨウ</t>
    </rPh>
    <rPh sb="43" eb="46">
      <t>フカノウ</t>
    </rPh>
    <rPh sb="46" eb="47">
      <t>ニチ</t>
    </rPh>
    <rPh sb="104" eb="106">
      <t>ツド</t>
    </rPh>
    <rPh sb="107" eb="108">
      <t>シ</t>
    </rPh>
    <phoneticPr fontId="2"/>
  </si>
  <si>
    <t>9:00～21:30</t>
  </si>
  <si>
    <t>8:30～17:15</t>
  </si>
  <si>
    <t>平日・休日8:30～22:00
年末年始他全館閉館日は利用不可</t>
  </si>
  <si>
    <t>9:00～21:00（第3月曜日ほか休館日を除く）</t>
    <rPh sb="11" eb="12">
      <t>ダイ</t>
    </rPh>
    <rPh sb="13" eb="16">
      <t>ゲツヨウビ</t>
    </rPh>
    <rPh sb="18" eb="21">
      <t>キュウカンビ</t>
    </rPh>
    <rPh sb="22" eb="23">
      <t>ノゾ</t>
    </rPh>
    <phoneticPr fontId="2"/>
  </si>
  <si>
    <t>開館日の午前9時から午後9時まで
【休館日】
・毎月第3木曜日（木曜日が祝日のときは、翌日の金曜日）
・1月1日～3日、12月29日～31日</t>
    <rPh sb="0" eb="3">
      <t>カイカンビ</t>
    </rPh>
    <rPh sb="4" eb="6">
      <t>ゴゼン</t>
    </rPh>
    <rPh sb="7" eb="8">
      <t>ジ</t>
    </rPh>
    <rPh sb="10" eb="12">
      <t>ゴゴ</t>
    </rPh>
    <rPh sb="13" eb="14">
      <t>ジ</t>
    </rPh>
    <rPh sb="18" eb="21">
      <t>キュウカンビ</t>
    </rPh>
    <rPh sb="32" eb="34">
      <t>モクヨウ</t>
    </rPh>
    <rPh sb="34" eb="35">
      <t>ビ</t>
    </rPh>
    <phoneticPr fontId="2"/>
  </si>
  <si>
    <t>開館日9:30～17:00</t>
    <rPh sb="0" eb="3">
      <t>カイカンビ</t>
    </rPh>
    <phoneticPr fontId="2"/>
  </si>
  <si>
    <t>平日8:30～17:00、土曜8:30～12:30
【閉院日】日曜日、祝日、年末年始</t>
  </si>
  <si>
    <t>（利用可能日）平日・日曜・祭日　9:00～21:00
（利用不可日）毎月第3日曜日、年末・年始</t>
    <rPh sb="1" eb="6">
      <t>リヨウカノウビ</t>
    </rPh>
    <rPh sb="7" eb="9">
      <t>ヘイジツ</t>
    </rPh>
    <rPh sb="10" eb="12">
      <t>ニチヨウ</t>
    </rPh>
    <rPh sb="13" eb="15">
      <t>サイジツ</t>
    </rPh>
    <rPh sb="28" eb="30">
      <t>リヨウ</t>
    </rPh>
    <rPh sb="30" eb="33">
      <t>フカビ</t>
    </rPh>
    <rPh sb="34" eb="36">
      <t>マイツキ</t>
    </rPh>
    <rPh sb="36" eb="37">
      <t>ダイ</t>
    </rPh>
    <rPh sb="38" eb="41">
      <t>ニチヨウビ</t>
    </rPh>
    <rPh sb="42" eb="44">
      <t>ネンマツ</t>
    </rPh>
    <rPh sb="45" eb="47">
      <t>ネンシ</t>
    </rPh>
    <phoneticPr fontId="2"/>
  </si>
  <si>
    <t>全日　4:30～19:00</t>
    <rPh sb="0" eb="2">
      <t>ゼンジツ</t>
    </rPh>
    <phoneticPr fontId="2"/>
  </si>
  <si>
    <t>全日　8:30～21:00（ただし、受水槽メンテナンス日、電気設備点検日、年末年始休館日除く）</t>
    <rPh sb="0" eb="2">
      <t>ゼンニチ</t>
    </rPh>
    <rPh sb="18" eb="21">
      <t>ジュスイソウ</t>
    </rPh>
    <rPh sb="27" eb="28">
      <t>ビ</t>
    </rPh>
    <rPh sb="29" eb="33">
      <t>デンキセツビ</t>
    </rPh>
    <rPh sb="33" eb="35">
      <t>テンケン</t>
    </rPh>
    <rPh sb="35" eb="36">
      <t>ビ</t>
    </rPh>
    <rPh sb="37" eb="39">
      <t>ネンマツ</t>
    </rPh>
    <rPh sb="39" eb="41">
      <t>ネンシ</t>
    </rPh>
    <rPh sb="41" eb="44">
      <t>キュウカンビ</t>
    </rPh>
    <rPh sb="44" eb="45">
      <t>ノゾ</t>
    </rPh>
    <phoneticPr fontId="2"/>
  </si>
  <si>
    <t>8:30～17:00（ただし、年末年始を除く）</t>
    <rPh sb="15" eb="19">
      <t>ネンマツネンシ</t>
    </rPh>
    <phoneticPr fontId="2"/>
  </si>
  <si>
    <t>8:30～22:00（ただし、休館日等を除く）</t>
    <rPh sb="15" eb="18">
      <t>キュウカンビ</t>
    </rPh>
    <rPh sb="18" eb="19">
      <t>トウ</t>
    </rPh>
    <rPh sb="20" eb="21">
      <t>ノゾ</t>
    </rPh>
    <phoneticPr fontId="2"/>
  </si>
  <si>
    <t>平日　8:30～17:00</t>
    <rPh sb="0" eb="2">
      <t>ヘイジツ</t>
    </rPh>
    <phoneticPr fontId="2"/>
  </si>
  <si>
    <t>平日9:00～17:00</t>
    <rPh sb="0" eb="2">
      <t>ヘイジツ</t>
    </rPh>
    <phoneticPr fontId="2"/>
  </si>
  <si>
    <t>8:30～17:00（ただし、休場日1/1～1/3、友引日を除く）</t>
    <rPh sb="15" eb="18">
      <t>キュウジョウビ</t>
    </rPh>
    <rPh sb="26" eb="29">
      <t>トモビキビ</t>
    </rPh>
    <rPh sb="30" eb="31">
      <t>ノゾ</t>
    </rPh>
    <phoneticPr fontId="2"/>
  </si>
  <si>
    <t>8:30～22:00
（ただし、年末年始・臨時休館日を除く）</t>
    <rPh sb="16" eb="18">
      <t>ネンマツ</t>
    </rPh>
    <rPh sb="18" eb="20">
      <t>ネンシ</t>
    </rPh>
    <rPh sb="21" eb="23">
      <t>リンジ</t>
    </rPh>
    <rPh sb="23" eb="25">
      <t>キュウカン</t>
    </rPh>
    <rPh sb="25" eb="26">
      <t>ヒ</t>
    </rPh>
    <rPh sb="27" eb="28">
      <t>ノゾ</t>
    </rPh>
    <phoneticPr fontId="2"/>
  </si>
  <si>
    <t>平日　8:20～21:30
土日祝　8:45～21:30
（ただし休館日を除く）</t>
    <rPh sb="0" eb="2">
      <t>ヘイジツ</t>
    </rPh>
    <rPh sb="14" eb="17">
      <t>ドニチシュク</t>
    </rPh>
    <rPh sb="33" eb="36">
      <t>キュウカンビ</t>
    </rPh>
    <rPh sb="37" eb="38">
      <t>ノゾ</t>
    </rPh>
    <phoneticPr fontId="2"/>
  </si>
  <si>
    <t>1階:9:00～22:00
6階:9:00～21:30</t>
    <rPh sb="1" eb="2">
      <t>カイ</t>
    </rPh>
    <rPh sb="15" eb="16">
      <t>カイ</t>
    </rPh>
    <phoneticPr fontId="2"/>
  </si>
  <si>
    <t>12/29～1/3及び施設臨時休館日を除く9:00～21:00
※仲良しプラザ屋外トイレ・芝生グラウンド南側トイレは9:00～17:00</t>
    <rPh sb="9" eb="10">
      <t>オヨ</t>
    </rPh>
    <rPh sb="11" eb="13">
      <t>シセツ</t>
    </rPh>
    <rPh sb="13" eb="15">
      <t>リンジ</t>
    </rPh>
    <rPh sb="15" eb="18">
      <t>キュウカンビ</t>
    </rPh>
    <rPh sb="19" eb="20">
      <t>ノゾ</t>
    </rPh>
    <rPh sb="33" eb="35">
      <t>ナカヨ</t>
    </rPh>
    <rPh sb="39" eb="41">
      <t>オクガイ</t>
    </rPh>
    <rPh sb="45" eb="47">
      <t>シバフ</t>
    </rPh>
    <rPh sb="52" eb="54">
      <t>ミナミガワ</t>
    </rPh>
    <phoneticPr fontId="2"/>
  </si>
  <si>
    <t>6:00～23:00</t>
  </si>
  <si>
    <t>8:30～22:00(ただし、休館日を除く)</t>
    <rPh sb="15" eb="18">
      <t>キュウカンビ</t>
    </rPh>
    <rPh sb="19" eb="20">
      <t>ノゾ</t>
    </rPh>
    <phoneticPr fontId="2"/>
  </si>
  <si>
    <t>火～日・祝　9:00～18:00</t>
    <rPh sb="0" eb="1">
      <t>ヒ</t>
    </rPh>
    <rPh sb="2" eb="3">
      <t>ニチ</t>
    </rPh>
    <rPh sb="4" eb="5">
      <t>シュク</t>
    </rPh>
    <phoneticPr fontId="2"/>
  </si>
  <si>
    <t>平日9:00～17:00
年末年始他全館閉館日は利用不可</t>
    <rPh sb="0" eb="2">
      <t>ヘイジツ</t>
    </rPh>
    <rPh sb="13" eb="15">
      <t>ネンマツ</t>
    </rPh>
    <rPh sb="15" eb="17">
      <t>ネンシ</t>
    </rPh>
    <rPh sb="17" eb="18">
      <t>ホカ</t>
    </rPh>
    <rPh sb="18" eb="20">
      <t>ゼンカン</t>
    </rPh>
    <rPh sb="20" eb="22">
      <t>ヘイカン</t>
    </rPh>
    <rPh sb="22" eb="23">
      <t>ニチ</t>
    </rPh>
    <rPh sb="24" eb="26">
      <t>リヨウ</t>
    </rPh>
    <rPh sb="26" eb="28">
      <t>フカ</t>
    </rPh>
    <phoneticPr fontId="2"/>
  </si>
  <si>
    <t>月～土9:30～18:00
日曜日・年末年始は休所のため利用不可</t>
    <rPh sb="0" eb="1">
      <t>ゲツ</t>
    </rPh>
    <rPh sb="2" eb="3">
      <t>ツチ</t>
    </rPh>
    <rPh sb="14" eb="17">
      <t>ニチヨウビ</t>
    </rPh>
    <rPh sb="18" eb="20">
      <t>ネンマツ</t>
    </rPh>
    <rPh sb="20" eb="22">
      <t>ネンシ</t>
    </rPh>
    <rPh sb="23" eb="24">
      <t>キュウ</t>
    </rPh>
    <rPh sb="24" eb="25">
      <t>ショ</t>
    </rPh>
    <rPh sb="28" eb="30">
      <t>リヨウ</t>
    </rPh>
    <rPh sb="30" eb="32">
      <t>フカ</t>
    </rPh>
    <phoneticPr fontId="2"/>
  </si>
  <si>
    <t>9:00～21:00
ただし、第1・第3月曜日（祝日の場合は、翌日以降の平日）と年末年始を除く</t>
    <rPh sb="18" eb="19">
      <t>ダイ</t>
    </rPh>
    <rPh sb="20" eb="21">
      <t>ゲツ</t>
    </rPh>
    <rPh sb="24" eb="26">
      <t>シュクジツ</t>
    </rPh>
    <rPh sb="27" eb="29">
      <t>バアイ</t>
    </rPh>
    <rPh sb="31" eb="35">
      <t>ヨクジツイコウ</t>
    </rPh>
    <rPh sb="36" eb="38">
      <t>ヘイジツ</t>
    </rPh>
    <rPh sb="40" eb="42">
      <t>ネンマツ</t>
    </rPh>
    <rPh sb="42" eb="44">
      <t>ネンシ</t>
    </rPh>
    <rPh sb="45" eb="46">
      <t>ノゾ</t>
    </rPh>
    <phoneticPr fontId="2"/>
  </si>
  <si>
    <t>9:00～21:30
（年末年始、第4月曜日除く）</t>
    <rPh sb="12" eb="14">
      <t>ネンマツ</t>
    </rPh>
    <rPh sb="14" eb="16">
      <t>ネンシ</t>
    </rPh>
    <rPh sb="17" eb="18">
      <t>ダイ</t>
    </rPh>
    <rPh sb="19" eb="22">
      <t>ゲツヨウビ</t>
    </rPh>
    <rPh sb="22" eb="23">
      <t>ノゾ</t>
    </rPh>
    <phoneticPr fontId="2"/>
  </si>
  <si>
    <t>休館日を除く9:30〜17:00
（休館日:毎週月曜日（祝祭日の場合は開館、翌火曜日は休館）
　　　　　　祝祭日の翌日（土日・祝日の場合は開館）
　　　　　　年末年始）</t>
    <rPh sb="0" eb="3">
      <t>キュウカンビ</t>
    </rPh>
    <rPh sb="4" eb="5">
      <t>ノゾ</t>
    </rPh>
    <rPh sb="18" eb="21">
      <t>キュウカンビ</t>
    </rPh>
    <phoneticPr fontId="2"/>
  </si>
  <si>
    <t>平日9:30～21:00、土日祝日9:30～17:00　休館日は備考のとおり</t>
    <rPh sb="0" eb="2">
      <t>ヘイジツ</t>
    </rPh>
    <rPh sb="13" eb="15">
      <t>ドニチ</t>
    </rPh>
    <rPh sb="15" eb="17">
      <t>シュクジツ</t>
    </rPh>
    <rPh sb="28" eb="31">
      <t>キュウカンヒ</t>
    </rPh>
    <rPh sb="32" eb="34">
      <t>ビコウ</t>
    </rPh>
    <phoneticPr fontId="2"/>
  </si>
  <si>
    <t>8:00～21:00</t>
  </si>
  <si>
    <t>休館日:
毎月第2月曜日(休日・祝日の場合は翌日)
12月29日〜1月3日
修繕・点検・清掃等の臨時保守点検日</t>
    <phoneticPr fontId="2"/>
  </si>
  <si>
    <t>9:00～22:00
ただし年末年始、第1、第3火曜日（祝日に当たる場合はその翌日）は除く</t>
    <phoneticPr fontId="2"/>
  </si>
  <si>
    <t>月～土　9:00～21:00
日　　　9:00～18:00
ただし年末年始、第1、第3火曜日（祝日に当たる場合はその翌日）は除く</t>
    <rPh sb="0" eb="1">
      <t>ゲツ</t>
    </rPh>
    <rPh sb="2" eb="3">
      <t>ツチ</t>
    </rPh>
    <rPh sb="15" eb="16">
      <t>ニチ</t>
    </rPh>
    <rPh sb="59" eb="60">
      <t>ジツ</t>
    </rPh>
    <phoneticPr fontId="2"/>
  </si>
  <si>
    <t>通年8:30～19:00
毎週水・金曜日8:30～21:00</t>
    <rPh sb="0" eb="2">
      <t>ツウネン</t>
    </rPh>
    <rPh sb="13" eb="15">
      <t>マイシュウ</t>
    </rPh>
    <rPh sb="14" eb="15">
      <t>スイ</t>
    </rPh>
    <rPh sb="16" eb="19">
      <t>キンヨウビゴゼン</t>
    </rPh>
    <phoneticPr fontId="2"/>
  </si>
  <si>
    <t>市町村名</t>
    <rPh sb="0" eb="3">
      <t>シチョウソン</t>
    </rPh>
    <rPh sb="3" eb="4">
      <t>メイ</t>
    </rPh>
    <phoneticPr fontId="2"/>
  </si>
  <si>
    <t>横浜市</t>
  </si>
  <si>
    <t>葉山町</t>
    <rPh sb="0" eb="3">
      <t>ハヤママチ</t>
    </rPh>
    <phoneticPr fontId="2"/>
  </si>
  <si>
    <t>川崎市川崎区渡田新町3-2-1</t>
    <rPh sb="0" eb="3">
      <t>カワサキシ</t>
    </rPh>
    <phoneticPr fontId="2"/>
  </si>
  <si>
    <t>設置場所</t>
    <rPh sb="0" eb="2">
      <t>セッチ</t>
    </rPh>
    <rPh sb="2" eb="4">
      <t>バショ</t>
    </rPh>
    <phoneticPr fontId="2"/>
  </si>
  <si>
    <t>利用可能日時</t>
    <rPh sb="0" eb="2">
      <t>リヨウ</t>
    </rPh>
    <rPh sb="2" eb="4">
      <t>カノウ</t>
    </rPh>
    <rPh sb="4" eb="6">
      <t>ニチジ</t>
    </rPh>
    <phoneticPr fontId="2"/>
  </si>
  <si>
    <t>川崎市</t>
  </si>
  <si>
    <t>横須賀市</t>
  </si>
  <si>
    <t>小田原市</t>
  </si>
  <si>
    <t>秦野市</t>
  </si>
  <si>
    <t>相模原市</t>
  </si>
  <si>
    <t>鎌倉市</t>
  </si>
  <si>
    <t>三浦市</t>
  </si>
  <si>
    <t>平塚市</t>
  </si>
  <si>
    <t>藤沢市</t>
  </si>
  <si>
    <t>逗子市</t>
  </si>
  <si>
    <t>厚木市</t>
  </si>
  <si>
    <t>大和市</t>
  </si>
  <si>
    <t>海老名市</t>
  </si>
  <si>
    <t>綾瀬市</t>
  </si>
  <si>
    <t>大型のシート
（長さ150～180cm程度）</t>
    <rPh sb="0" eb="2">
      <t>オオガタ</t>
    </rPh>
    <rPh sb="8" eb="9">
      <t>ナガ</t>
    </rPh>
    <rPh sb="19" eb="21">
      <t>テイド</t>
    </rPh>
    <phoneticPr fontId="2"/>
  </si>
  <si>
    <t>開成町立開成南小学校</t>
    <rPh sb="0" eb="2">
      <t>カイセイ</t>
    </rPh>
    <rPh sb="2" eb="4">
      <t>チョウリツ</t>
    </rPh>
    <rPh sb="4" eb="6">
      <t>カイセイ</t>
    </rPh>
    <rPh sb="6" eb="7">
      <t>ミナミ</t>
    </rPh>
    <rPh sb="7" eb="10">
      <t>ショウガッコウ</t>
    </rPh>
    <phoneticPr fontId="2"/>
  </si>
  <si>
    <t>足柄上郡開成町みなみ二丁目2番地1</t>
    <rPh sb="0" eb="2">
      <t>アシガラ</t>
    </rPh>
    <rPh sb="2" eb="3">
      <t>ウエ</t>
    </rPh>
    <rPh sb="3" eb="4">
      <t>グン</t>
    </rPh>
    <rPh sb="4" eb="7">
      <t>カイセイマチ</t>
    </rPh>
    <rPh sb="10" eb="13">
      <t>ニチョウメ</t>
    </rPh>
    <rPh sb="14" eb="16">
      <t>バンチ</t>
    </rPh>
    <phoneticPr fontId="2"/>
  </si>
  <si>
    <t>１階多目的室横多目的トイレ：１台
１階プール更衣室横多目的トイレ：１台
２階工作教室横多目的トイレ：１台</t>
    <rPh sb="1" eb="2">
      <t>カイ</t>
    </rPh>
    <rPh sb="2" eb="5">
      <t>タモクテキ</t>
    </rPh>
    <rPh sb="5" eb="6">
      <t>シツ</t>
    </rPh>
    <rPh sb="6" eb="7">
      <t>ヨコ</t>
    </rPh>
    <rPh sb="7" eb="10">
      <t>タモクテキ</t>
    </rPh>
    <rPh sb="15" eb="16">
      <t>ダイ</t>
    </rPh>
    <rPh sb="18" eb="19">
      <t>カイ</t>
    </rPh>
    <rPh sb="22" eb="25">
      <t>コウイシツ</t>
    </rPh>
    <rPh sb="25" eb="26">
      <t>ヨコ</t>
    </rPh>
    <rPh sb="26" eb="29">
      <t>タモクテキ</t>
    </rPh>
    <rPh sb="34" eb="35">
      <t>ダイ</t>
    </rPh>
    <rPh sb="37" eb="38">
      <t>カイ</t>
    </rPh>
    <rPh sb="38" eb="40">
      <t>コウサク</t>
    </rPh>
    <rPh sb="40" eb="42">
      <t>キョウシツ</t>
    </rPh>
    <rPh sb="42" eb="43">
      <t>ヨコ</t>
    </rPh>
    <rPh sb="43" eb="46">
      <t>タモクテキ</t>
    </rPh>
    <rPh sb="51" eb="52">
      <t>ダイ</t>
    </rPh>
    <phoneticPr fontId="2"/>
  </si>
  <si>
    <t>開成町立文命中学校</t>
    <rPh sb="0" eb="2">
      <t>カイセイ</t>
    </rPh>
    <rPh sb="2" eb="4">
      <t>チョウリツ</t>
    </rPh>
    <rPh sb="4" eb="5">
      <t>ブン</t>
    </rPh>
    <rPh sb="5" eb="6">
      <t>メイ</t>
    </rPh>
    <rPh sb="6" eb="9">
      <t>チュウガッコウ</t>
    </rPh>
    <phoneticPr fontId="2"/>
  </si>
  <si>
    <t>足柄上郡開成町吉田島1805番地</t>
    <rPh sb="0" eb="2">
      <t>アシガラ</t>
    </rPh>
    <rPh sb="2" eb="3">
      <t>ウエ</t>
    </rPh>
    <rPh sb="3" eb="4">
      <t>グン</t>
    </rPh>
    <rPh sb="4" eb="7">
      <t>カイセイマチ</t>
    </rPh>
    <rPh sb="7" eb="9">
      <t>ヨシダ</t>
    </rPh>
    <rPh sb="9" eb="10">
      <t>シマ</t>
    </rPh>
    <rPh sb="14" eb="16">
      <t>バンチ</t>
    </rPh>
    <phoneticPr fontId="2"/>
  </si>
  <si>
    <t>一般教室棟2階職員室前多目的トイレ：１台</t>
    <rPh sb="0" eb="2">
      <t>イッパン</t>
    </rPh>
    <rPh sb="2" eb="5">
      <t>キョウシツムネ</t>
    </rPh>
    <rPh sb="6" eb="7">
      <t>カイ</t>
    </rPh>
    <rPh sb="7" eb="9">
      <t>ショクイン</t>
    </rPh>
    <rPh sb="9" eb="10">
      <t>シツ</t>
    </rPh>
    <rPh sb="10" eb="11">
      <t>マエ</t>
    </rPh>
    <rPh sb="11" eb="14">
      <t>タモクテキ</t>
    </rPh>
    <rPh sb="19" eb="20">
      <t>ダイ</t>
    </rPh>
    <phoneticPr fontId="2"/>
  </si>
  <si>
    <t>基本的には、一般利用は想定していない。</t>
    <rPh sb="0" eb="3">
      <t>キホンテキ</t>
    </rPh>
    <rPh sb="6" eb="8">
      <t>イッパン</t>
    </rPh>
    <rPh sb="8" eb="10">
      <t>リヨウ</t>
    </rPh>
    <rPh sb="11" eb="13">
      <t>ソウテイ</t>
    </rPh>
    <phoneticPr fontId="2"/>
  </si>
  <si>
    <t>開成町</t>
    <rPh sb="0" eb="3">
      <t>カイセイマチ</t>
    </rPh>
    <phoneticPr fontId="2"/>
  </si>
  <si>
    <t>平日8:30～17:15</t>
    <phoneticPr fontId="2"/>
  </si>
  <si>
    <t>9:00～21:00（ただし、月曜日（休日に当たるときは、火曜日）、休日の翌日（土、日曜日に当たる日を除く）、年末年始を除く）</t>
    <rPh sb="60" eb="61">
      <t>ノゾ</t>
    </rPh>
    <phoneticPr fontId="2"/>
  </si>
  <si>
    <t>平日8:30～17:30</t>
    <phoneticPr fontId="2"/>
  </si>
  <si>
    <t>開館日（平日午9:00～20:30、日曜・祝日9:00～16:30）
※月曜・年末年始を除く</t>
    <rPh sb="0" eb="3">
      <t>カイカンビ</t>
    </rPh>
    <rPh sb="4" eb="6">
      <t>ヘイジツ</t>
    </rPh>
    <rPh sb="36" eb="38">
      <t>ゲツヨウ</t>
    </rPh>
    <rPh sb="39" eb="41">
      <t>ネンマツ</t>
    </rPh>
    <rPh sb="41" eb="43">
      <t>ネンシ</t>
    </rPh>
    <rPh sb="44" eb="45">
      <t>ノゾ</t>
    </rPh>
    <phoneticPr fontId="2"/>
  </si>
  <si>
    <t>（利用可能日時）
平日8:30～17:00（1階については毎月第2第4土曜日8:30～12:30も利用可能)</t>
    <rPh sb="1" eb="6">
      <t>リヨウカノウヒ</t>
    </rPh>
    <rPh sb="6" eb="7">
      <t>ジ</t>
    </rPh>
    <rPh sb="9" eb="11">
      <t>ヘイジツ</t>
    </rPh>
    <rPh sb="23" eb="24">
      <t>カイ</t>
    </rPh>
    <phoneticPr fontId="2"/>
  </si>
  <si>
    <t>9:00～21:00
※毎月第3月曜日（祝日の時はその直後の休日でない日）及び年末年始（12月29日～1月3日）は休館日）
※設備点検のため臨時で休館する場合あり</t>
    <rPh sb="12" eb="14">
      <t>マイツキ</t>
    </rPh>
    <rPh sb="14" eb="15">
      <t>ダイ</t>
    </rPh>
    <rPh sb="16" eb="19">
      <t>ゲツヨウビ</t>
    </rPh>
    <rPh sb="20" eb="22">
      <t>シュクジツ</t>
    </rPh>
    <rPh sb="23" eb="24">
      <t>トキ</t>
    </rPh>
    <rPh sb="27" eb="29">
      <t>チョクゴ</t>
    </rPh>
    <rPh sb="30" eb="32">
      <t>キュウジツ</t>
    </rPh>
    <rPh sb="35" eb="36">
      <t>ヒ</t>
    </rPh>
    <rPh sb="37" eb="38">
      <t>オヨ</t>
    </rPh>
    <rPh sb="39" eb="41">
      <t>ネンマツ</t>
    </rPh>
    <rPh sb="41" eb="43">
      <t>ネンシ</t>
    </rPh>
    <rPh sb="46" eb="47">
      <t>ガツ</t>
    </rPh>
    <rPh sb="49" eb="50">
      <t>ニチ</t>
    </rPh>
    <rPh sb="52" eb="53">
      <t>ガツ</t>
    </rPh>
    <rPh sb="54" eb="55">
      <t>ニチ</t>
    </rPh>
    <rPh sb="57" eb="60">
      <t>キュウカンビ</t>
    </rPh>
    <rPh sb="63" eb="65">
      <t>セツビ</t>
    </rPh>
    <rPh sb="65" eb="67">
      <t>テンケン</t>
    </rPh>
    <rPh sb="70" eb="72">
      <t>リンジ</t>
    </rPh>
    <rPh sb="73" eb="75">
      <t>キュウカン</t>
    </rPh>
    <rPh sb="77" eb="79">
      <t>バアイ</t>
    </rPh>
    <phoneticPr fontId="2"/>
  </si>
  <si>
    <t>9:00～21:00（但し休館日＜第三月曜日及び12/29～1/3＞を除く）</t>
    <rPh sb="11" eb="12">
      <t>タダ</t>
    </rPh>
    <rPh sb="13" eb="16">
      <t>キュウカンビ</t>
    </rPh>
    <rPh sb="17" eb="19">
      <t>ダイサン</t>
    </rPh>
    <rPh sb="19" eb="22">
      <t>ゲツヨウビ</t>
    </rPh>
    <rPh sb="22" eb="23">
      <t>オヨ</t>
    </rPh>
    <rPh sb="35" eb="36">
      <t>ノゾ</t>
    </rPh>
    <phoneticPr fontId="2"/>
  </si>
  <si>
    <t>通年9:00～22:00(休館日を除く)</t>
    <rPh sb="0" eb="2">
      <t>ツウネン</t>
    </rPh>
    <rPh sb="13" eb="16">
      <t>キュウカンビ</t>
    </rPh>
    <rPh sb="17" eb="18">
      <t>ノゾ</t>
    </rPh>
    <phoneticPr fontId="2"/>
  </si>
  <si>
    <t>田名まちづくりセンター開庁日8:30～17:00又は田名公民館開館日9:00～22:00</t>
    <phoneticPr fontId="2"/>
  </si>
  <si>
    <t>・1、5、9階
年末年始を除く土日祝日を含む8:30から20:30まで
・地下1、2～4階、6～8階
平日8:30～17:30</t>
    <rPh sb="6" eb="7">
      <t>カイ</t>
    </rPh>
    <rPh sb="8" eb="10">
      <t>ネンマツ</t>
    </rPh>
    <rPh sb="10" eb="12">
      <t>ネンシ</t>
    </rPh>
    <rPh sb="13" eb="14">
      <t>ノゾ</t>
    </rPh>
    <rPh sb="15" eb="17">
      <t>ドニチ</t>
    </rPh>
    <rPh sb="17" eb="19">
      <t>シュクジツ</t>
    </rPh>
    <rPh sb="20" eb="21">
      <t>フク</t>
    </rPh>
    <rPh sb="37" eb="39">
      <t>チカ</t>
    </rPh>
    <rPh sb="44" eb="45">
      <t>カイ</t>
    </rPh>
    <rPh sb="51" eb="53">
      <t>ヘイジツ</t>
    </rPh>
    <rPh sb="52" eb="53">
      <t>リヘイ</t>
    </rPh>
    <phoneticPr fontId="2"/>
  </si>
  <si>
    <t>(利用可能日)
6:00～22:15
(利用不可日)
毎月第2月曜日(祝日の場合はそれ以降の平日）
年末年始(12月30日から1月3日）</t>
    <rPh sb="1" eb="3">
      <t>リヨウ</t>
    </rPh>
    <rPh sb="3" eb="5">
      <t>カノウ</t>
    </rPh>
    <rPh sb="5" eb="6">
      <t>ビ</t>
    </rPh>
    <rPh sb="20" eb="22">
      <t>リヨウ</t>
    </rPh>
    <rPh sb="22" eb="24">
      <t>フカ</t>
    </rPh>
    <rPh sb="24" eb="25">
      <t>ビ</t>
    </rPh>
    <phoneticPr fontId="2"/>
  </si>
  <si>
    <t>9:00～21:00（月曜日、月曜日が祝日にあたる場合は翌日以降の直近の平日、年末年始を除く）</t>
    <rPh sb="11" eb="14">
      <t>ゲツヨウビ</t>
    </rPh>
    <rPh sb="39" eb="41">
      <t>ネンマツ</t>
    </rPh>
    <rPh sb="41" eb="43">
      <t>ネンシ</t>
    </rPh>
    <rPh sb="44" eb="45">
      <t>ノゾ</t>
    </rPh>
    <phoneticPr fontId="2"/>
  </si>
  <si>
    <t>9:00～21:00(7月から9月にあっては21時30分まで）※月曜日休館</t>
    <rPh sb="32" eb="35">
      <t>ゲツヨウビ</t>
    </rPh>
    <rPh sb="35" eb="37">
      <t>キュウカン</t>
    </rPh>
    <phoneticPr fontId="2"/>
  </si>
  <si>
    <t>9:00～17:00</t>
    <phoneticPr fontId="2"/>
  </si>
  <si>
    <t>平日17:00～21:00（月曜日は除く）</t>
    <rPh sb="0" eb="2">
      <t>ヘイジツ</t>
    </rPh>
    <rPh sb="14" eb="17">
      <t>ツキヨウビ</t>
    </rPh>
    <rPh sb="18" eb="19">
      <t>ノゾ</t>
    </rPh>
    <phoneticPr fontId="2"/>
  </si>
  <si>
    <t>1階ホワイエ、２階</t>
    <rPh sb="1" eb="2">
      <t>カイ</t>
    </rPh>
    <rPh sb="8" eb="9">
      <t>カイ</t>
    </rPh>
    <phoneticPr fontId="2"/>
  </si>
  <si>
    <t>１階ホワイエは、ホールでの催事がある場合のみ利用可能です。</t>
    <rPh sb="1" eb="2">
      <t>カイ</t>
    </rPh>
    <rPh sb="13" eb="15">
      <t>サイジ</t>
    </rPh>
    <rPh sb="18" eb="20">
      <t>バアイ</t>
    </rPh>
    <rPh sb="22" eb="24">
      <t>リヨウ</t>
    </rPh>
    <rPh sb="24" eb="26">
      <t>カノウ</t>
    </rPh>
    <phoneticPr fontId="2"/>
  </si>
  <si>
    <t>神奈川県立東部総合職業技術校</t>
    <phoneticPr fontId="2"/>
  </si>
  <si>
    <t>横浜市鶴見区寛政町28-2</t>
    <phoneticPr fontId="2"/>
  </si>
  <si>
    <t>平日8:30～17:00</t>
    <phoneticPr fontId="2"/>
  </si>
  <si>
    <t>かなテクカレッジ東部（東部総合職業技術校）</t>
    <phoneticPr fontId="2"/>
  </si>
  <si>
    <t>9:00～21:30
（年末年始、偶数月の第4月曜日除く）</t>
    <rPh sb="12" eb="14">
      <t>ネンマツ</t>
    </rPh>
    <rPh sb="14" eb="16">
      <t>ネンシ</t>
    </rPh>
    <rPh sb="17" eb="19">
      <t>グウスウ</t>
    </rPh>
    <rPh sb="19" eb="20">
      <t>ヅキ</t>
    </rPh>
    <rPh sb="21" eb="22">
      <t>ダイ</t>
    </rPh>
    <rPh sb="23" eb="26">
      <t>ゲツヨウビ</t>
    </rPh>
    <rPh sb="26" eb="27">
      <t>ノゾ</t>
    </rPh>
    <phoneticPr fontId="2"/>
  </si>
  <si>
    <t>自然環境保全センター　本館</t>
    <rPh sb="0" eb="10">
      <t>シゼン</t>
    </rPh>
    <rPh sb="11" eb="13">
      <t>ホンカン</t>
    </rPh>
    <phoneticPr fontId="2"/>
  </si>
  <si>
    <t>9:00～21:30</t>
    <phoneticPr fontId="2"/>
  </si>
  <si>
    <t>シートの寸法
148㎝×70㎝くらい</t>
    <rPh sb="4" eb="6">
      <t>スンポウ</t>
    </rPh>
    <phoneticPr fontId="2"/>
  </si>
  <si>
    <t>シートの長さ
150cm程度</t>
    <rPh sb="4" eb="5">
      <t>ナガ</t>
    </rPh>
    <rPh sb="12" eb="14">
      <t>テイド</t>
    </rPh>
    <phoneticPr fontId="2"/>
  </si>
  <si>
    <t>神奈川県庁　本庁舎</t>
    <rPh sb="0" eb="4">
      <t>カナガワケン</t>
    </rPh>
    <rPh sb="4" eb="5">
      <t>チョウ</t>
    </rPh>
    <rPh sb="6" eb="9">
      <t>ホンチョウシャ</t>
    </rPh>
    <phoneticPr fontId="2"/>
  </si>
  <si>
    <t>神奈川県庁　新庁舎</t>
    <rPh sb="0" eb="4">
      <t>カナガワケン</t>
    </rPh>
    <rPh sb="4" eb="5">
      <t>チョウ</t>
    </rPh>
    <rPh sb="6" eb="7">
      <t>シン</t>
    </rPh>
    <rPh sb="7" eb="9">
      <t>チョウシャ</t>
    </rPh>
    <phoneticPr fontId="2"/>
  </si>
  <si>
    <t>横浜市中区日本大通り１</t>
    <rPh sb="0" eb="3">
      <t>ヨコハマシ</t>
    </rPh>
    <rPh sb="3" eb="5">
      <t>ナカク</t>
    </rPh>
    <rPh sb="5" eb="7">
      <t>ニホン</t>
    </rPh>
    <rPh sb="7" eb="9">
      <t>オオドオ</t>
    </rPh>
    <phoneticPr fontId="2"/>
  </si>
  <si>
    <t>平日8：30～17：15</t>
    <rPh sb="0" eb="2">
      <t>ヘイジツ</t>
    </rPh>
    <phoneticPr fontId="2"/>
  </si>
  <si>
    <t>神奈川県立スポーツセンター</t>
    <rPh sb="0" eb="4">
      <t>カナガワケン</t>
    </rPh>
    <rPh sb="4" eb="5">
      <t>リツ</t>
    </rPh>
    <phoneticPr fontId="2"/>
  </si>
  <si>
    <t>藤沢市善行7-1-2</t>
    <phoneticPr fontId="2"/>
  </si>
  <si>
    <t>県民ホール本館</t>
    <rPh sb="0" eb="2">
      <t>ケンミン</t>
    </rPh>
    <rPh sb="5" eb="7">
      <t>ホンカン</t>
    </rPh>
    <phoneticPr fontId="2"/>
  </si>
  <si>
    <t>令和７年３月末をもって休館予定</t>
    <rPh sb="0" eb="2">
      <t>レイワ</t>
    </rPh>
    <rPh sb="3" eb="4">
      <t>ネン</t>
    </rPh>
    <rPh sb="5" eb="6">
      <t>ガツ</t>
    </rPh>
    <rPh sb="6" eb="7">
      <t>マツ</t>
    </rPh>
    <rPh sb="11" eb="13">
      <t>キュウカン</t>
    </rPh>
    <rPh sb="13" eb="15">
      <t>ヨテイ</t>
    </rPh>
    <phoneticPr fontId="2"/>
  </si>
  <si>
    <t>横浜市中区山下町3-1</t>
    <phoneticPr fontId="2"/>
  </si>
  <si>
    <t>横浜市中区山下町281</t>
    <phoneticPr fontId="2"/>
  </si>
  <si>
    <t>西部総合職業技術校</t>
    <rPh sb="0" eb="9">
      <t>セイブソウゴウショクギョウギジュツコウ</t>
    </rPh>
    <phoneticPr fontId="2"/>
  </si>
  <si>
    <t>教室・多目的棟１階　みんなのトイレ内</t>
    <rPh sb="0" eb="2">
      <t>キョウシツ</t>
    </rPh>
    <rPh sb="3" eb="6">
      <t>タモクテキ</t>
    </rPh>
    <rPh sb="6" eb="7">
      <t>トウ</t>
    </rPh>
    <rPh sb="8" eb="9">
      <t>カイ</t>
    </rPh>
    <rPh sb="17" eb="18">
      <t>ナイ</t>
    </rPh>
    <phoneticPr fontId="2"/>
  </si>
  <si>
    <t>秦野市桜町2-1-3</t>
    <phoneticPr fontId="2"/>
  </si>
  <si>
    <t>秦野市</t>
    <phoneticPr fontId="2"/>
  </si>
  <si>
    <t>神奈川県総合リハビリテーションセンター</t>
    <rPh sb="0" eb="3">
      <t>カナガワ</t>
    </rPh>
    <phoneticPr fontId="2"/>
  </si>
  <si>
    <t>厚木市七沢657</t>
    <rPh sb="0" eb="3">
      <t>アツギシ</t>
    </rPh>
    <rPh sb="3" eb="5">
      <t>ナナサワ</t>
    </rPh>
    <phoneticPr fontId="2"/>
  </si>
  <si>
    <t>厚木市七沢516</t>
    <rPh sb="0" eb="3">
      <t>アツギシ</t>
    </rPh>
    <rPh sb="3" eb="5">
      <t>ナナサワ</t>
    </rPh>
    <phoneticPr fontId="2"/>
  </si>
  <si>
    <t>神奈川県立かながわ県民センター</t>
    <rPh sb="0" eb="5">
      <t>カナガワケンリツ</t>
    </rPh>
    <rPh sb="9" eb="11">
      <t>ケンミン</t>
    </rPh>
    <phoneticPr fontId="2"/>
  </si>
  <si>
    <t>横浜市神奈川区鶴屋町2-24-2</t>
    <phoneticPr fontId="2"/>
  </si>
  <si>
    <t>横浜市西区紅葉ケ丘9-1</t>
    <phoneticPr fontId="2"/>
  </si>
  <si>
    <t>１階（共用）、13階（男子）、13階（女子）、15階（みんなのトイレ）</t>
    <rPh sb="1" eb="2">
      <t>カイ</t>
    </rPh>
    <rPh sb="3" eb="5">
      <t>キョウヨウ</t>
    </rPh>
    <rPh sb="9" eb="10">
      <t>カイ</t>
    </rPh>
    <rPh sb="11" eb="13">
      <t>ダンシ</t>
    </rPh>
    <rPh sb="17" eb="18">
      <t>カイ</t>
    </rPh>
    <rPh sb="19" eb="21">
      <t>ジョシ</t>
    </rPh>
    <rPh sb="25" eb="26">
      <t>カイ</t>
    </rPh>
    <phoneticPr fontId="2"/>
  </si>
  <si>
    <t>・19時以降の利用時は、通用口からの出入りとなり、守衛に申し立てる必要あり。</t>
    <rPh sb="3" eb="4">
      <t>ジ</t>
    </rPh>
    <rPh sb="4" eb="6">
      <t>イコウ</t>
    </rPh>
    <rPh sb="7" eb="9">
      <t>リヨウ</t>
    </rPh>
    <rPh sb="9" eb="10">
      <t>ジ</t>
    </rPh>
    <rPh sb="12" eb="14">
      <t>ツウヨウ</t>
    </rPh>
    <rPh sb="14" eb="15">
      <t>クチ</t>
    </rPh>
    <rPh sb="18" eb="20">
      <t>デハイ</t>
    </rPh>
    <rPh sb="25" eb="27">
      <t>シュエイ</t>
    </rPh>
    <rPh sb="28" eb="29">
      <t>モウ</t>
    </rPh>
    <rPh sb="30" eb="31">
      <t>タ</t>
    </rPh>
    <rPh sb="33" eb="35">
      <t>ヒツヨウ</t>
    </rPh>
    <phoneticPr fontId="2"/>
  </si>
  <si>
    <t>8:30～22:00
・休館日は利用不可
・休館日は、「https://www.city.sagamihara.kanagawa.jp/kurashi/shisetsu/hoken_fukushi/hoken_iryo/1002816.html」にて提示。</t>
    <phoneticPr fontId="2"/>
  </si>
  <si>
    <t>メインスタンド１階：2箇所　　　　　　　　　　　　　　　　　　</t>
    <rPh sb="8" eb="9">
      <t>カイ</t>
    </rPh>
    <rPh sb="11" eb="13">
      <t>カショ</t>
    </rPh>
    <phoneticPr fontId="2"/>
  </si>
  <si>
    <t>全県</t>
    <rPh sb="0" eb="2">
      <t>ゼンケン</t>
    </rPh>
    <phoneticPr fontId="2"/>
  </si>
  <si>
    <t>東海大学前駅南口公衆トイレ</t>
    <rPh sb="0" eb="6">
      <t>トウカイダイガクマエエキ</t>
    </rPh>
    <rPh sb="6" eb="8">
      <t>ミナミグチ</t>
    </rPh>
    <rPh sb="8" eb="10">
      <t>コウシュウ</t>
    </rPh>
    <phoneticPr fontId="2"/>
  </si>
  <si>
    <t>秦野市南矢名1-38-13</t>
    <rPh sb="0" eb="3">
      <t>ハダノシ</t>
    </rPh>
    <rPh sb="3" eb="6">
      <t>ミナミヤナ</t>
    </rPh>
    <phoneticPr fontId="2"/>
  </si>
  <si>
    <t>終日</t>
    <rPh sb="0" eb="2">
      <t>シュウジツ</t>
    </rPh>
    <phoneticPr fontId="2"/>
  </si>
  <si>
    <t>川崎市中原区小杉町3-1301</t>
    <rPh sb="0" eb="3">
      <t>カワサキシ</t>
    </rPh>
    <rPh sb="3" eb="6">
      <t>ナカハラク</t>
    </rPh>
    <rPh sb="6" eb="9">
      <t>コスギチョウ</t>
    </rPh>
    <phoneticPr fontId="2"/>
  </si>
  <si>
    <t>西区庁舎</t>
    <phoneticPr fontId="2"/>
  </si>
  <si>
    <t>横浜市</t>
    <rPh sb="0" eb="3">
      <t>ヨコハマシ</t>
    </rPh>
    <phoneticPr fontId="2"/>
  </si>
  <si>
    <t>横浜市西区中央1-5-10</t>
    <phoneticPr fontId="2"/>
  </si>
  <si>
    <t>多目的トイレ内</t>
    <phoneticPr fontId="2"/>
  </si>
  <si>
    <t>中区役所本館</t>
    <rPh sb="0" eb="4">
      <t>ナカクヤクショ</t>
    </rPh>
    <rPh sb="4" eb="6">
      <t>ホンカン</t>
    </rPh>
    <phoneticPr fontId="2"/>
  </si>
  <si>
    <t>横浜市中区日本大通35</t>
    <rPh sb="3" eb="5">
      <t>ナカク</t>
    </rPh>
    <rPh sb="5" eb="9">
      <t>ニホンオオドオリ</t>
    </rPh>
    <phoneticPr fontId="2"/>
  </si>
  <si>
    <t>１階１箇所</t>
    <rPh sb="1" eb="2">
      <t>カイ</t>
    </rPh>
    <rPh sb="3" eb="5">
      <t>カショ</t>
    </rPh>
    <phoneticPr fontId="2"/>
  </si>
  <si>
    <t>平日　8：45～17：00</t>
    <phoneticPr fontId="2"/>
  </si>
  <si>
    <t>中区役所別館</t>
    <rPh sb="0" eb="4">
      <t>ナカクヤクショ</t>
    </rPh>
    <rPh sb="4" eb="6">
      <t>ベッカン</t>
    </rPh>
    <phoneticPr fontId="2"/>
  </si>
  <si>
    <t>横浜市芹が谷地域ケアプラザ</t>
  </si>
  <si>
    <t>横浜市港南区芹が谷2-16-12</t>
    <rPh sb="3" eb="6">
      <t>コウナンク</t>
    </rPh>
    <rPh sb="6" eb="7">
      <t>セリ</t>
    </rPh>
    <rPh sb="8" eb="9">
      <t>ヤ</t>
    </rPh>
    <phoneticPr fontId="2"/>
  </si>
  <si>
    <t>横浜市日限山地域ケアプラザ</t>
  </si>
  <si>
    <t>横浜市港南区日限山1-66-55</t>
    <rPh sb="3" eb="6">
      <t>コウナンク</t>
    </rPh>
    <rPh sb="6" eb="9">
      <t>ヒ</t>
    </rPh>
    <phoneticPr fontId="2"/>
  </si>
  <si>
    <t>横浜市日野南地域ケアプラザ</t>
  </si>
  <si>
    <t>横浜市港南区日野南3-11-1</t>
    <rPh sb="0" eb="3">
      <t>ヨコハマシ</t>
    </rPh>
    <rPh sb="3" eb="6">
      <t>コウナンク</t>
    </rPh>
    <rPh sb="6" eb="9">
      <t>ヒノミナミ</t>
    </rPh>
    <phoneticPr fontId="2"/>
  </si>
  <si>
    <t>3階多目的トイレ</t>
    <phoneticPr fontId="2"/>
  </si>
  <si>
    <t>横浜市常盤台地域ケアプラザ</t>
    <rPh sb="0" eb="3">
      <t>ヨコハマシ</t>
    </rPh>
    <rPh sb="3" eb="8">
      <t>トキワダイチイキ</t>
    </rPh>
    <phoneticPr fontId="2"/>
  </si>
  <si>
    <t>横浜市保土ケ谷区常盤台53-2</t>
    <rPh sb="3" eb="8">
      <t>ホドガヤク</t>
    </rPh>
    <rPh sb="8" eb="11">
      <t>トキワダイ</t>
    </rPh>
    <phoneticPr fontId="2"/>
  </si>
  <si>
    <t>平日　9：00～21：00　
日祝　9：00～17：00</t>
    <rPh sb="0" eb="2">
      <t>ヘイジツ</t>
    </rPh>
    <rPh sb="15" eb="16">
      <t>ニチ</t>
    </rPh>
    <rPh sb="16" eb="17">
      <t>シュク</t>
    </rPh>
    <phoneticPr fontId="2"/>
  </si>
  <si>
    <t>希望が丘地区センター</t>
    <rPh sb="0" eb="2">
      <t>キボウ</t>
    </rPh>
    <rPh sb="3" eb="4">
      <t>オカ</t>
    </rPh>
    <rPh sb="4" eb="6">
      <t>チク</t>
    </rPh>
    <phoneticPr fontId="2"/>
  </si>
  <si>
    <t>横浜市旭区中希望が丘145-4</t>
    <rPh sb="3" eb="5">
      <t>アサヒク</t>
    </rPh>
    <rPh sb="5" eb="8">
      <t>ナカキボウ</t>
    </rPh>
    <rPh sb="9" eb="10">
      <t>オカ</t>
    </rPh>
    <phoneticPr fontId="2"/>
  </si>
  <si>
    <t>2階1箇所</t>
    <rPh sb="1" eb="2">
      <t>カイ</t>
    </rPh>
    <rPh sb="3" eb="5">
      <t>カショ</t>
    </rPh>
    <phoneticPr fontId="2"/>
  </si>
  <si>
    <t>横浜市今宿地域ケアプラザ</t>
    <rPh sb="0" eb="7">
      <t>ヨコハマシイマジュクチイキ</t>
    </rPh>
    <phoneticPr fontId="2"/>
  </si>
  <si>
    <t>横浜市旭区今宿町2647-2</t>
    <rPh sb="0" eb="3">
      <t>ヨコハマシ</t>
    </rPh>
    <rPh sb="3" eb="5">
      <t>アサヒク</t>
    </rPh>
    <rPh sb="5" eb="8">
      <t>イマジュクチョウ</t>
    </rPh>
    <phoneticPr fontId="2"/>
  </si>
  <si>
    <t>男女共用多目的トイレ</t>
    <rPh sb="0" eb="4">
      <t>ダンジョキョウヨウ</t>
    </rPh>
    <rPh sb="4" eb="7">
      <t>タモクテキ</t>
    </rPh>
    <phoneticPr fontId="2"/>
  </si>
  <si>
    <t>横浜市今宿西地域ケアプラザ</t>
    <rPh sb="0" eb="3">
      <t>ヨコハマシ</t>
    </rPh>
    <rPh sb="3" eb="6">
      <t>イマジュクニシ</t>
    </rPh>
    <rPh sb="6" eb="8">
      <t>チイキ</t>
    </rPh>
    <phoneticPr fontId="2"/>
  </si>
  <si>
    <t>横浜市旭区今宿西町410-1</t>
    <rPh sb="0" eb="3">
      <t>ヨコハマシ</t>
    </rPh>
    <rPh sb="3" eb="5">
      <t>アサヒク</t>
    </rPh>
    <rPh sb="5" eb="8">
      <t>イマジュクニシ</t>
    </rPh>
    <rPh sb="8" eb="9">
      <t>マチ</t>
    </rPh>
    <phoneticPr fontId="2"/>
  </si>
  <si>
    <t>1F多目的トイレ</t>
    <rPh sb="2" eb="5">
      <t>タモクテキ</t>
    </rPh>
    <phoneticPr fontId="2"/>
  </si>
  <si>
    <t>二俣川地域ケアプラザ</t>
    <rPh sb="0" eb="3">
      <t>フタマタガワ</t>
    </rPh>
    <rPh sb="3" eb="5">
      <t>チイキ</t>
    </rPh>
    <phoneticPr fontId="2"/>
  </si>
  <si>
    <t>横浜市旭区二俣川2-50-14 コプレ二俣川商業業務棟6F</t>
    <rPh sb="3" eb="5">
      <t>アサヒク</t>
    </rPh>
    <rPh sb="5" eb="8">
      <t>フタマタガワ</t>
    </rPh>
    <rPh sb="19" eb="22">
      <t>フタマタガワ</t>
    </rPh>
    <rPh sb="22" eb="24">
      <t>ショウギョウ</t>
    </rPh>
    <rPh sb="24" eb="26">
      <t>ギョウム</t>
    </rPh>
    <rPh sb="26" eb="27">
      <t>トウ</t>
    </rPh>
    <phoneticPr fontId="2"/>
  </si>
  <si>
    <t>上笹下地域ケアプラザ</t>
    <rPh sb="0" eb="5">
      <t>カミササシタチイキ</t>
    </rPh>
    <phoneticPr fontId="2"/>
  </si>
  <si>
    <t>横浜市磯子区氷取沢町60-17</t>
    <rPh sb="0" eb="3">
      <t>ヨコハマシ</t>
    </rPh>
    <rPh sb="3" eb="6">
      <t>イソゴク</t>
    </rPh>
    <rPh sb="6" eb="10">
      <t>ヒトリザワチョウ</t>
    </rPh>
    <phoneticPr fontId="2"/>
  </si>
  <si>
    <t>金沢区総合庁舎</t>
    <rPh sb="0" eb="3">
      <t>カナザワク</t>
    </rPh>
    <rPh sb="3" eb="7">
      <t>ソウゴウチョウシャ</t>
    </rPh>
    <phoneticPr fontId="2"/>
  </si>
  <si>
    <t>横浜市金沢区泥亀2-9-1</t>
    <rPh sb="3" eb="6">
      <t>カナザワク</t>
    </rPh>
    <rPh sb="6" eb="8">
      <t>デイキ</t>
    </rPh>
    <phoneticPr fontId="2"/>
  </si>
  <si>
    <t>金沢区役所
1階 1箇所、2階 1箇所、3階 1箇所、
4階 1箇所、5階 1箇所、6階 1箇所</t>
    <rPh sb="0" eb="5">
      <t>カナザワクヤクショ</t>
    </rPh>
    <rPh sb="7" eb="8">
      <t>カイ</t>
    </rPh>
    <rPh sb="10" eb="12">
      <t>カショ</t>
    </rPh>
    <rPh sb="14" eb="15">
      <t>カイ</t>
    </rPh>
    <rPh sb="17" eb="19">
      <t>カショ</t>
    </rPh>
    <rPh sb="21" eb="22">
      <t>カイ</t>
    </rPh>
    <rPh sb="24" eb="26">
      <t>カショ</t>
    </rPh>
    <rPh sb="29" eb="30">
      <t>カイ</t>
    </rPh>
    <rPh sb="32" eb="34">
      <t>カショ</t>
    </rPh>
    <rPh sb="36" eb="37">
      <t>カイ</t>
    </rPh>
    <rPh sb="39" eb="41">
      <t>カショ</t>
    </rPh>
    <rPh sb="43" eb="44">
      <t>カイ</t>
    </rPh>
    <rPh sb="46" eb="48">
      <t>カショ</t>
    </rPh>
    <phoneticPr fontId="2"/>
  </si>
  <si>
    <t>平日　8：45～17：00</t>
    <rPh sb="0" eb="2">
      <t>ヘイジツ</t>
    </rPh>
    <phoneticPr fontId="2"/>
  </si>
  <si>
    <t>金沢公会堂</t>
    <rPh sb="0" eb="5">
      <t>カコ</t>
    </rPh>
    <phoneticPr fontId="2"/>
  </si>
  <si>
    <t>講堂の多目的トイレ</t>
    <rPh sb="0" eb="2">
      <t>コウドウ</t>
    </rPh>
    <rPh sb="3" eb="6">
      <t>タモクテキ</t>
    </rPh>
    <phoneticPr fontId="2"/>
  </si>
  <si>
    <t>9：00～22：00（ただし、休館日を除く）</t>
    <rPh sb="15" eb="18">
      <t>キュウカンビ</t>
    </rPh>
    <rPh sb="19" eb="20">
      <t>ノゾ</t>
    </rPh>
    <phoneticPr fontId="2"/>
  </si>
  <si>
    <t>金沢地区センター</t>
    <rPh sb="0" eb="4">
      <t>カナザワチク</t>
    </rPh>
    <phoneticPr fontId="2"/>
  </si>
  <si>
    <t>横浜市金沢区泥亀2-14-5</t>
    <rPh sb="3" eb="6">
      <t>カナザワク</t>
    </rPh>
    <rPh sb="6" eb="8">
      <t>デイキ</t>
    </rPh>
    <phoneticPr fontId="2"/>
  </si>
  <si>
    <t>1階多目的トイレ</t>
    <rPh sb="1" eb="2">
      <t>カイ</t>
    </rPh>
    <rPh sb="2" eb="5">
      <t>タモクテキ</t>
    </rPh>
    <phoneticPr fontId="2"/>
  </si>
  <si>
    <t>港北区総合庁舎</t>
    <rPh sb="0" eb="7">
      <t>コウホククソウゴウチョウシャ</t>
    </rPh>
    <phoneticPr fontId="2"/>
  </si>
  <si>
    <t>横浜市港北区大豆戸町26-1</t>
    <rPh sb="0" eb="6">
      <t>ヨコハマシコウホクク</t>
    </rPh>
    <rPh sb="6" eb="10">
      <t>マメドチョウ</t>
    </rPh>
    <phoneticPr fontId="2"/>
  </si>
  <si>
    <t>1階 1箇所</t>
    <rPh sb="1" eb="2">
      <t>カイ</t>
    </rPh>
    <rPh sb="4" eb="6">
      <t>カショ</t>
    </rPh>
    <phoneticPr fontId="2"/>
  </si>
  <si>
    <t>日吉地区センター</t>
    <rPh sb="0" eb="4">
      <t>ヒヨシチク</t>
    </rPh>
    <phoneticPr fontId="2"/>
  </si>
  <si>
    <t>横浜市港北区日吉本町1-11-13</t>
    <rPh sb="3" eb="6">
      <t>コウホクク</t>
    </rPh>
    <rPh sb="6" eb="8">
      <t>ヒヨシ</t>
    </rPh>
    <rPh sb="8" eb="10">
      <t>ホンチョウ</t>
    </rPh>
    <phoneticPr fontId="2"/>
  </si>
  <si>
    <t>本館1階 1箇所</t>
    <rPh sb="0" eb="2">
      <t>ホンカン</t>
    </rPh>
    <rPh sb="3" eb="4">
      <t>カイ</t>
    </rPh>
    <rPh sb="6" eb="8">
      <t>カショ</t>
    </rPh>
    <phoneticPr fontId="2"/>
  </si>
  <si>
    <t>長さ125㎝</t>
    <rPh sb="0" eb="1">
      <t>ナガ</t>
    </rPh>
    <phoneticPr fontId="2"/>
  </si>
  <si>
    <t>横浜市高田地域ケアプラザ</t>
    <rPh sb="0" eb="3">
      <t>ヨコハマシ</t>
    </rPh>
    <rPh sb="3" eb="5">
      <t>タカタ</t>
    </rPh>
    <rPh sb="5" eb="7">
      <t>チイキ</t>
    </rPh>
    <phoneticPr fontId="2"/>
  </si>
  <si>
    <t>横浜市港北区高田西2-14-6</t>
    <rPh sb="3" eb="5">
      <t>コウホク</t>
    </rPh>
    <rPh sb="5" eb="6">
      <t>ク</t>
    </rPh>
    <rPh sb="6" eb="8">
      <t>タカタ</t>
    </rPh>
    <rPh sb="8" eb="9">
      <t>ニシ</t>
    </rPh>
    <phoneticPr fontId="2"/>
  </si>
  <si>
    <t>横浜市城郷小机地域ケアプラザ</t>
    <rPh sb="0" eb="3">
      <t>ヨコハマシ</t>
    </rPh>
    <rPh sb="3" eb="5">
      <t>シロサト</t>
    </rPh>
    <rPh sb="5" eb="7">
      <t>コヅクエ</t>
    </rPh>
    <rPh sb="7" eb="9">
      <t>チイキ</t>
    </rPh>
    <phoneticPr fontId="2"/>
  </si>
  <si>
    <t>横浜市港北区小机町2484-4</t>
    <rPh sb="0" eb="3">
      <t>ヨコハマシ</t>
    </rPh>
    <rPh sb="3" eb="6">
      <t>コウホクク</t>
    </rPh>
    <rPh sb="6" eb="8">
      <t>コヅクエ</t>
    </rPh>
    <rPh sb="8" eb="9">
      <t>マチ</t>
    </rPh>
    <phoneticPr fontId="2"/>
  </si>
  <si>
    <t>1階多目的トイレ内</t>
    <rPh sb="1" eb="2">
      <t>カイ</t>
    </rPh>
    <rPh sb="2" eb="5">
      <t>タモクテキ</t>
    </rPh>
    <rPh sb="8" eb="9">
      <t>ナイ</t>
    </rPh>
    <phoneticPr fontId="2"/>
  </si>
  <si>
    <t>夜間貸館がない場合は18時で閉館となる場合があります</t>
    <rPh sb="0" eb="2">
      <t>ヤカン</t>
    </rPh>
    <rPh sb="2" eb="4">
      <t>カシカン</t>
    </rPh>
    <rPh sb="7" eb="9">
      <t>バアイ</t>
    </rPh>
    <rPh sb="12" eb="13">
      <t>ジ</t>
    </rPh>
    <rPh sb="14" eb="16">
      <t>ヘイカン</t>
    </rPh>
    <rPh sb="19" eb="21">
      <t>バアイ</t>
    </rPh>
    <phoneticPr fontId="2"/>
  </si>
  <si>
    <t>緑区総合庁舎</t>
    <rPh sb="0" eb="6">
      <t>ミドリクソウゴウチョウシャ</t>
    </rPh>
    <phoneticPr fontId="2"/>
  </si>
  <si>
    <t>横浜市緑区寺山町118</t>
    <rPh sb="3" eb="5">
      <t>ミドリク</t>
    </rPh>
    <rPh sb="5" eb="8">
      <t>テラヤマチョウ</t>
    </rPh>
    <phoneticPr fontId="2"/>
  </si>
  <si>
    <t>横浜市鴨居地域ケアプラザ</t>
    <phoneticPr fontId="2"/>
  </si>
  <si>
    <t>横浜市緑区鴨居5-29-8</t>
    <rPh sb="0" eb="3">
      <t>ヨコハマシ</t>
    </rPh>
    <rPh sb="3" eb="5">
      <t>ミドリク</t>
    </rPh>
    <rPh sb="5" eb="7">
      <t>カモイ</t>
    </rPh>
    <phoneticPr fontId="2"/>
  </si>
  <si>
    <t>1階、2階多目的トイレ</t>
    <rPh sb="1" eb="2">
      <t>カイ</t>
    </rPh>
    <rPh sb="4" eb="5">
      <t>カイ</t>
    </rPh>
    <rPh sb="5" eb="8">
      <t>タモクテキ</t>
    </rPh>
    <phoneticPr fontId="2"/>
  </si>
  <si>
    <t>開館時間内</t>
    <rPh sb="0" eb="2">
      <t>カイカン</t>
    </rPh>
    <rPh sb="2" eb="4">
      <t>ジカン</t>
    </rPh>
    <rPh sb="4" eb="5">
      <t>ナイ</t>
    </rPh>
    <phoneticPr fontId="2"/>
  </si>
  <si>
    <t>横浜市長津田地域ケアプラザ</t>
    <rPh sb="0" eb="3">
      <t>ヨコハマシ</t>
    </rPh>
    <phoneticPr fontId="2"/>
  </si>
  <si>
    <t>横浜市緑区長津田2-11-2</t>
    <rPh sb="3" eb="5">
      <t>ミドリク</t>
    </rPh>
    <rPh sb="5" eb="8">
      <t>ナガツタ</t>
    </rPh>
    <phoneticPr fontId="2"/>
  </si>
  <si>
    <t>多目的ホール廊下部分</t>
    <rPh sb="0" eb="3">
      <t>タモクテキ</t>
    </rPh>
    <rPh sb="6" eb="8">
      <t>ロウカ</t>
    </rPh>
    <rPh sb="8" eb="10">
      <t>ブブン</t>
    </rPh>
    <phoneticPr fontId="2"/>
  </si>
  <si>
    <t>青葉区総合庁舎</t>
    <rPh sb="0" eb="7">
      <t>アオバクソウゴウチョウシャ</t>
    </rPh>
    <phoneticPr fontId="2"/>
  </si>
  <si>
    <t>横浜市青葉区市ケ尾町31-4</t>
    <phoneticPr fontId="2"/>
  </si>
  <si>
    <t>１階福祉保健センター内多目的トイレ 1箇所</t>
    <rPh sb="1" eb="6">
      <t>カイフクシホケン</t>
    </rPh>
    <rPh sb="10" eb="11">
      <t>ナイ</t>
    </rPh>
    <rPh sb="11" eb="14">
      <t>タモクテキ</t>
    </rPh>
    <rPh sb="19" eb="21">
      <t>カショ</t>
    </rPh>
    <phoneticPr fontId="2"/>
  </si>
  <si>
    <t>横浜市美しが丘地域ケアプラザ</t>
    <rPh sb="0" eb="3">
      <t>ヨコハマシ</t>
    </rPh>
    <rPh sb="3" eb="4">
      <t>ウツク</t>
    </rPh>
    <rPh sb="6" eb="9">
      <t>オカチイキ</t>
    </rPh>
    <phoneticPr fontId="2"/>
  </si>
  <si>
    <t>横浜市青葉区美しが丘4-32-7</t>
    <rPh sb="0" eb="3">
      <t>ヨコハマシ</t>
    </rPh>
    <rPh sb="3" eb="6">
      <t>アオバク</t>
    </rPh>
    <rPh sb="6" eb="7">
      <t>ウツク</t>
    </rPh>
    <rPh sb="9" eb="10">
      <t>オカ</t>
    </rPh>
    <phoneticPr fontId="2"/>
  </si>
  <si>
    <t>2階多目的トイレ内</t>
    <rPh sb="1" eb="2">
      <t>カイ</t>
    </rPh>
    <rPh sb="2" eb="5">
      <t>タモクテキ</t>
    </rPh>
    <rPh sb="8" eb="9">
      <t>ナイ</t>
    </rPh>
    <phoneticPr fontId="2"/>
  </si>
  <si>
    <t>横浜市鴨志田地域ケアプラザ</t>
    <rPh sb="0" eb="3">
      <t>ヨコハマシ</t>
    </rPh>
    <rPh sb="3" eb="8">
      <t>カモシダチイキ</t>
    </rPh>
    <phoneticPr fontId="2"/>
  </si>
  <si>
    <t>横浜市青葉区鴨志田町547-3</t>
    <rPh sb="0" eb="3">
      <t>ヨコハマシ</t>
    </rPh>
    <rPh sb="3" eb="10">
      <t>アオバクカモシダマチ</t>
    </rPh>
    <phoneticPr fontId="2"/>
  </si>
  <si>
    <t>2階 1箇所</t>
    <rPh sb="1" eb="2">
      <t>カイ</t>
    </rPh>
    <rPh sb="4" eb="6">
      <t>カショ</t>
    </rPh>
    <phoneticPr fontId="2"/>
  </si>
  <si>
    <t>【利用可能日】
平日　9：00～18：00
日曜・祝日　9：00～17：00
【利用不可日】
第3月曜、12/29～1/3</t>
    <rPh sb="8" eb="10">
      <t>ヘイジツ</t>
    </rPh>
    <rPh sb="22" eb="24">
      <t>ニチヨウ</t>
    </rPh>
    <rPh sb="25" eb="27">
      <t>シュクジツ</t>
    </rPh>
    <rPh sb="40" eb="45">
      <t>リヨウフカビ</t>
    </rPh>
    <rPh sb="47" eb="48">
      <t>ダイ</t>
    </rPh>
    <rPh sb="49" eb="51">
      <t>ゲツヨウ</t>
    </rPh>
    <phoneticPr fontId="2"/>
  </si>
  <si>
    <t>ビオラ市ケ尾地域ケアプラザ</t>
    <rPh sb="3" eb="4">
      <t>シ</t>
    </rPh>
    <rPh sb="5" eb="6">
      <t>オ</t>
    </rPh>
    <rPh sb="6" eb="8">
      <t>チイキ</t>
    </rPh>
    <phoneticPr fontId="2"/>
  </si>
  <si>
    <t>横浜市青葉区市ヶ尾町25-6</t>
    <rPh sb="0" eb="3">
      <t>ヨコハマシ</t>
    </rPh>
    <rPh sb="3" eb="6">
      <t>アオバク</t>
    </rPh>
    <rPh sb="6" eb="9">
      <t>イチガオ</t>
    </rPh>
    <rPh sb="9" eb="10">
      <t>チョウ</t>
    </rPh>
    <phoneticPr fontId="2"/>
  </si>
  <si>
    <t>4階多目的トイレ内</t>
    <rPh sb="1" eb="2">
      <t>カイ</t>
    </rPh>
    <rPh sb="2" eb="5">
      <t>タモクテキ</t>
    </rPh>
    <rPh sb="8" eb="9">
      <t>ナイ</t>
    </rPh>
    <phoneticPr fontId="2"/>
  </si>
  <si>
    <t>利用に際しては、1階職員へ声掛けしてください。</t>
    <rPh sb="0" eb="2">
      <t>リヨウ</t>
    </rPh>
    <rPh sb="3" eb="4">
      <t>サイ</t>
    </rPh>
    <rPh sb="9" eb="10">
      <t>カイ</t>
    </rPh>
    <rPh sb="10" eb="12">
      <t>ショクイン</t>
    </rPh>
    <rPh sb="13" eb="15">
      <t>コエカ</t>
    </rPh>
    <phoneticPr fontId="2"/>
  </si>
  <si>
    <t>横浜市恩田地域ケアプラザ</t>
    <rPh sb="0" eb="3">
      <t>ヨコハマシ</t>
    </rPh>
    <rPh sb="3" eb="7">
      <t>オンダチイキ</t>
    </rPh>
    <phoneticPr fontId="2"/>
  </si>
  <si>
    <t>横浜市青葉区あかね台2-8-4</t>
    <rPh sb="0" eb="3">
      <t>ヨコハマシ</t>
    </rPh>
    <rPh sb="3" eb="6">
      <t>アオバク</t>
    </rPh>
    <rPh sb="9" eb="10">
      <t>ダイ</t>
    </rPh>
    <phoneticPr fontId="2"/>
  </si>
  <si>
    <t>1階 1箇所</t>
    <rPh sb="4" eb="6">
      <t>カショ</t>
    </rPh>
    <phoneticPr fontId="2"/>
  </si>
  <si>
    <t>青葉区福祉保健活動拠点</t>
    <rPh sb="0" eb="3">
      <t>アオバク</t>
    </rPh>
    <rPh sb="3" eb="5">
      <t>フクシ</t>
    </rPh>
    <rPh sb="5" eb="7">
      <t>ホケン</t>
    </rPh>
    <rPh sb="7" eb="9">
      <t>カツドウ</t>
    </rPh>
    <rPh sb="9" eb="11">
      <t>キョテン</t>
    </rPh>
    <phoneticPr fontId="2"/>
  </si>
  <si>
    <t>横浜市青葉区市ケ尾町1169-22</t>
    <rPh sb="3" eb="6">
      <t>アオバク</t>
    </rPh>
    <rPh sb="6" eb="10">
      <t>イチガオチョウ</t>
    </rPh>
    <phoneticPr fontId="2"/>
  </si>
  <si>
    <t>「ふれあい青葉」1階 1箇所</t>
    <rPh sb="5" eb="7">
      <t>アオバ</t>
    </rPh>
    <rPh sb="9" eb="10">
      <t>カイ</t>
    </rPh>
    <rPh sb="12" eb="14">
      <t>カショ</t>
    </rPh>
    <phoneticPr fontId="2"/>
  </si>
  <si>
    <t>福祉保健活動拠点</t>
    <rPh sb="0" eb="8">
      <t>フクシホケンカツドウキョテン</t>
    </rPh>
    <phoneticPr fontId="2"/>
  </si>
  <si>
    <t>横浜市都筑区荏田東4-10-3</t>
    <rPh sb="3" eb="6">
      <t>ツヅキク</t>
    </rPh>
    <rPh sb="6" eb="9">
      <t>エダヒガシ</t>
    </rPh>
    <phoneticPr fontId="2"/>
  </si>
  <si>
    <t>「かけはし都筑」1階 1箇所</t>
    <rPh sb="5" eb="7">
      <t>ツヅキ</t>
    </rPh>
    <rPh sb="9" eb="10">
      <t>カイ</t>
    </rPh>
    <rPh sb="12" eb="14">
      <t>カショ</t>
    </rPh>
    <phoneticPr fontId="2"/>
  </si>
  <si>
    <t>横浜市加賀原地域ケアプラザ</t>
    <rPh sb="0" eb="8">
      <t>ヨコハマシカガハラチイキ</t>
    </rPh>
    <phoneticPr fontId="2"/>
  </si>
  <si>
    <t>横浜市都筑区加賀原1-22-32</t>
    <rPh sb="0" eb="16">
      <t>ジュウショ</t>
    </rPh>
    <phoneticPr fontId="2"/>
  </si>
  <si>
    <t>上郷地区センター</t>
  </si>
  <si>
    <t>横浜市栄区上郷町1173-5</t>
    <rPh sb="3" eb="5">
      <t>サカエク</t>
    </rPh>
    <rPh sb="5" eb="8">
      <t>カミゴウチョウ</t>
    </rPh>
    <phoneticPr fontId="2"/>
  </si>
  <si>
    <t>地区センター2階 1箇所</t>
    <rPh sb="0" eb="2">
      <t>チク</t>
    </rPh>
    <rPh sb="7" eb="8">
      <t>カイ</t>
    </rPh>
    <rPh sb="10" eb="12">
      <t>カショ</t>
    </rPh>
    <phoneticPr fontId="2"/>
  </si>
  <si>
    <t>横浜市豊田地域ケアプラザ</t>
  </si>
  <si>
    <t>横浜市栄区飯島町1368-10</t>
  </si>
  <si>
    <t>2階多目的トイレ内</t>
  </si>
  <si>
    <t>平日・土曜　9：00～21：00
日曜・祝日　9：00～17：00
（第2日曜、年末年始を除く）</t>
  </si>
  <si>
    <t>横浜市桂台地域ケアプラザ</t>
  </si>
  <si>
    <t>横浜市栄区桂台中4-5</t>
    <phoneticPr fontId="2"/>
  </si>
  <si>
    <t>2階 1箇所</t>
    <phoneticPr fontId="2"/>
  </si>
  <si>
    <t>SAKAESTA
（本郷地区センター・本郷台駅前地域ケアプラザ・さかえ区民活動センター）</t>
    <phoneticPr fontId="2"/>
  </si>
  <si>
    <t>横浜市栄区小菅ケ谷1-5-4</t>
    <phoneticPr fontId="2"/>
  </si>
  <si>
    <t>2階、3階多目的トイレ</t>
    <rPh sb="1" eb="2">
      <t>カイ</t>
    </rPh>
    <rPh sb="4" eb="5">
      <t>カイ</t>
    </rPh>
    <phoneticPr fontId="2"/>
  </si>
  <si>
    <t>2階、3階の多目的トイレに各1台ずつ設置</t>
    <rPh sb="1" eb="2">
      <t>カイ</t>
    </rPh>
    <rPh sb="4" eb="5">
      <t>カイ</t>
    </rPh>
    <phoneticPr fontId="2"/>
  </si>
  <si>
    <t>栄区福祉保健活動拠点</t>
    <rPh sb="0" eb="2">
      <t>サカエク</t>
    </rPh>
    <rPh sb="2" eb="10">
      <t>フクシホケンカツドウキョテン</t>
    </rPh>
    <phoneticPr fontId="2"/>
  </si>
  <si>
    <t>横浜市栄区桂町279－29</t>
    <phoneticPr fontId="2"/>
  </si>
  <si>
    <t>男女共同多目的トイレ</t>
  </si>
  <si>
    <t>戸塚区総合庁舎</t>
    <rPh sb="0" eb="7">
      <t>トツカクソウゴウチョウシャ</t>
    </rPh>
    <phoneticPr fontId="2"/>
  </si>
  <si>
    <t>横浜市戸塚区戸塚町16-17</t>
    <rPh sb="3" eb="9">
      <t>トツカクトツカチョウ</t>
    </rPh>
    <phoneticPr fontId="2"/>
  </si>
  <si>
    <t>各階多目的トイレ（4階を除く）</t>
    <rPh sb="0" eb="2">
      <t>カクカイ</t>
    </rPh>
    <rPh sb="2" eb="5">
      <t>タモクテキ</t>
    </rPh>
    <rPh sb="10" eb="11">
      <t>カイ</t>
    </rPh>
    <rPh sb="12" eb="13">
      <t>ノゾ</t>
    </rPh>
    <phoneticPr fontId="2"/>
  </si>
  <si>
    <t>開庁時間中</t>
    <rPh sb="0" eb="4">
      <t>カイチョウジカン</t>
    </rPh>
    <rPh sb="4" eb="5">
      <t>チュウ</t>
    </rPh>
    <phoneticPr fontId="2"/>
  </si>
  <si>
    <t>幅60cm、長さ150cm、高さ50cm</t>
    <rPh sb="0" eb="1">
      <t>ハバ</t>
    </rPh>
    <rPh sb="6" eb="7">
      <t>ナガ</t>
    </rPh>
    <rPh sb="14" eb="15">
      <t>タカ</t>
    </rPh>
    <phoneticPr fontId="2"/>
  </si>
  <si>
    <t>横浜市下倉田地域ケアプラザ</t>
    <rPh sb="0" eb="3">
      <t>ヨコハマシ</t>
    </rPh>
    <rPh sb="3" eb="4">
      <t>シモ</t>
    </rPh>
    <rPh sb="4" eb="6">
      <t>クラタ</t>
    </rPh>
    <rPh sb="6" eb="8">
      <t>チイキ</t>
    </rPh>
    <phoneticPr fontId="2"/>
  </si>
  <si>
    <t>横浜市戸塚区下倉田町1951-8</t>
    <rPh sb="3" eb="6">
      <t>トツカク</t>
    </rPh>
    <rPh sb="6" eb="10">
      <t>シモクラタチョウ</t>
    </rPh>
    <phoneticPr fontId="2"/>
  </si>
  <si>
    <t>ケアプラザ開館時間内</t>
    <rPh sb="5" eb="10">
      <t>カイカンジカンナイ</t>
    </rPh>
    <phoneticPr fontId="2"/>
  </si>
  <si>
    <t>開館時間はホームページをご確認下さい</t>
    <rPh sb="0" eb="4">
      <t>カイカンジカン</t>
    </rPh>
    <rPh sb="13" eb="15">
      <t>カクニン</t>
    </rPh>
    <rPh sb="15" eb="16">
      <t>シタ</t>
    </rPh>
    <phoneticPr fontId="2"/>
  </si>
  <si>
    <t>横浜市名瀬地域ケアプラザ</t>
    <rPh sb="0" eb="3">
      <t>ヨコハマシ</t>
    </rPh>
    <rPh sb="3" eb="5">
      <t>ナセ</t>
    </rPh>
    <rPh sb="5" eb="7">
      <t>チイキ</t>
    </rPh>
    <phoneticPr fontId="2"/>
  </si>
  <si>
    <t>横浜市戸塚区名瀬町791－14</t>
    <rPh sb="3" eb="6">
      <t>トツカク</t>
    </rPh>
    <rPh sb="6" eb="8">
      <t>ナセ</t>
    </rPh>
    <rPh sb="8" eb="9">
      <t>チョウ</t>
    </rPh>
    <phoneticPr fontId="2"/>
  </si>
  <si>
    <t>男女共有多目的トイレ</t>
    <rPh sb="0" eb="2">
      <t>ダンジョ</t>
    </rPh>
    <rPh sb="2" eb="4">
      <t>キョウユウ</t>
    </rPh>
    <rPh sb="4" eb="7">
      <t>タモクテキ</t>
    </rPh>
    <phoneticPr fontId="2"/>
  </si>
  <si>
    <t>横浜市深谷俣野地域ケアプラザ</t>
    <rPh sb="0" eb="3">
      <t>ヨコハマシ</t>
    </rPh>
    <rPh sb="3" eb="7">
      <t>フカヤマタノ</t>
    </rPh>
    <rPh sb="7" eb="9">
      <t>チイキ</t>
    </rPh>
    <phoneticPr fontId="2"/>
  </si>
  <si>
    <t>横浜市戸塚区深谷町1432-11</t>
    <rPh sb="3" eb="6">
      <t>トツカク</t>
    </rPh>
    <rPh sb="6" eb="9">
      <t>フカヤチョウ</t>
    </rPh>
    <phoneticPr fontId="2"/>
  </si>
  <si>
    <t>2階多目的トイレ</t>
    <rPh sb="1" eb="2">
      <t>カイ</t>
    </rPh>
    <rPh sb="2" eb="5">
      <t>タモクテキ</t>
    </rPh>
    <phoneticPr fontId="2"/>
  </si>
  <si>
    <t>瀬谷区総合庁舎</t>
  </si>
  <si>
    <t>横浜市瀬谷区二ツ橋町190</t>
    <rPh sb="0" eb="3">
      <t>ヨコハマシ</t>
    </rPh>
    <rPh sb="3" eb="6">
      <t>セヤク</t>
    </rPh>
    <rPh sb="6" eb="7">
      <t>フタ</t>
    </rPh>
    <rPh sb="8" eb="9">
      <t>バシ</t>
    </rPh>
    <rPh sb="9" eb="10">
      <t>チョウ</t>
    </rPh>
    <phoneticPr fontId="2"/>
  </si>
  <si>
    <t>１階、２階、５階　各階２箇所
３階、４階　各階１箇所</t>
    <rPh sb="1" eb="2">
      <t>カイ</t>
    </rPh>
    <rPh sb="4" eb="5">
      <t>カイ</t>
    </rPh>
    <rPh sb="7" eb="8">
      <t>カイ</t>
    </rPh>
    <rPh sb="9" eb="11">
      <t>カクカイ</t>
    </rPh>
    <rPh sb="16" eb="17">
      <t>カイ</t>
    </rPh>
    <rPh sb="19" eb="20">
      <t>カイ</t>
    </rPh>
    <rPh sb="21" eb="23">
      <t>カクカイ</t>
    </rPh>
    <rPh sb="24" eb="26">
      <t>カショ</t>
    </rPh>
    <phoneticPr fontId="2"/>
  </si>
  <si>
    <t>17：15以降は1階のみ利用可</t>
    <rPh sb="12" eb="14">
      <t>リヨウ</t>
    </rPh>
    <rPh sb="14" eb="15">
      <t>カ</t>
    </rPh>
    <phoneticPr fontId="2"/>
  </si>
  <si>
    <t>瀬谷区民文化センター</t>
  </si>
  <si>
    <t>横浜市瀬谷区瀬谷4-4-10</t>
    <rPh sb="0" eb="3">
      <t>ヨコハマシ</t>
    </rPh>
    <rPh sb="3" eb="8">
      <t>セヤクセヤ</t>
    </rPh>
    <phoneticPr fontId="2"/>
  </si>
  <si>
    <t>瀬谷区民文化センター
3階 1箇所、4階 1箇所</t>
    <rPh sb="0" eb="6">
      <t>セヤクミンブンカ</t>
    </rPh>
    <rPh sb="12" eb="13">
      <t>カイ</t>
    </rPh>
    <rPh sb="15" eb="17">
      <t>カショ</t>
    </rPh>
    <rPh sb="19" eb="20">
      <t>カイ</t>
    </rPh>
    <rPh sb="22" eb="24">
      <t>カショ</t>
    </rPh>
    <phoneticPr fontId="2"/>
  </si>
  <si>
    <t>横浜市二ツ橋第二地域ケアプラザ</t>
  </si>
  <si>
    <t>横浜市瀬谷区二ツ橋町469</t>
    <rPh sb="0" eb="3">
      <t>ヨコハマシ</t>
    </rPh>
    <rPh sb="3" eb="6">
      <t>セヤク</t>
    </rPh>
    <rPh sb="6" eb="7">
      <t>フタ</t>
    </rPh>
    <rPh sb="8" eb="10">
      <t>バシチョウ</t>
    </rPh>
    <phoneticPr fontId="2"/>
  </si>
  <si>
    <t>白幡地区センター</t>
    <rPh sb="0" eb="2">
      <t>シラハタ</t>
    </rPh>
    <rPh sb="2" eb="4">
      <t>チク</t>
    </rPh>
    <phoneticPr fontId="2"/>
  </si>
  <si>
    <t>横浜市神奈川区白幡上町44-12</t>
    <rPh sb="0" eb="3">
      <t>ヨコハマシ</t>
    </rPh>
    <rPh sb="3" eb="7">
      <t>カナガワク</t>
    </rPh>
    <rPh sb="7" eb="9">
      <t>シラハタ</t>
    </rPh>
    <rPh sb="9" eb="11">
      <t>カミチョウ</t>
    </rPh>
    <phoneticPr fontId="2"/>
  </si>
  <si>
    <t>２階多目的トイレ（１箇所）</t>
    <rPh sb="1" eb="2">
      <t>カイ</t>
    </rPh>
    <rPh sb="2" eb="5">
      <t>タモクテキ</t>
    </rPh>
    <rPh sb="10" eb="12">
      <t>カショ</t>
    </rPh>
    <phoneticPr fontId="2"/>
  </si>
  <si>
    <t>【利用可能日】
平日・土曜　9：00～21：00 
日曜・祝日　9：00～17：00 
【利用不可日】
第3火曜・年末年始</t>
    <rPh sb="1" eb="3">
      <t>リヨウ</t>
    </rPh>
    <rPh sb="3" eb="5">
      <t>カノウ</t>
    </rPh>
    <rPh sb="5" eb="6">
      <t>ビ</t>
    </rPh>
    <rPh sb="8" eb="10">
      <t>ヘイジツ</t>
    </rPh>
    <rPh sb="11" eb="12">
      <t>ド</t>
    </rPh>
    <rPh sb="26" eb="28">
      <t>ニチヨウ</t>
    </rPh>
    <rPh sb="29" eb="31">
      <t>シュクジツ</t>
    </rPh>
    <rPh sb="45" eb="47">
      <t>リヨウ</t>
    </rPh>
    <rPh sb="47" eb="49">
      <t>フカ</t>
    </rPh>
    <rPh sb="49" eb="50">
      <t>ビ</t>
    </rPh>
    <rPh sb="52" eb="53">
      <t>ダイ</t>
    </rPh>
    <rPh sb="54" eb="56">
      <t>カヨウ</t>
    </rPh>
    <rPh sb="57" eb="59">
      <t>ネンマツ</t>
    </rPh>
    <rPh sb="59" eb="61">
      <t>ネンシ</t>
    </rPh>
    <phoneticPr fontId="2"/>
  </si>
  <si>
    <t>130×60×50（高さ）㎝
耐荷重：100Kg迄・折畳み式</t>
    <rPh sb="10" eb="11">
      <t>タカ</t>
    </rPh>
    <rPh sb="15" eb="18">
      <t>タイカジュウ</t>
    </rPh>
    <rPh sb="24" eb="25">
      <t>マデ</t>
    </rPh>
    <rPh sb="26" eb="28">
      <t>オリタタ</t>
    </rPh>
    <rPh sb="29" eb="30">
      <t>シキ</t>
    </rPh>
    <phoneticPr fontId="2"/>
  </si>
  <si>
    <t>横浜市新子安地域ケアプラザ</t>
    <phoneticPr fontId="2"/>
  </si>
  <si>
    <t>神奈川区新子安1-2-4　オルトヨコハマ１F</t>
    <phoneticPr fontId="2"/>
  </si>
  <si>
    <t>【利用可能日】
平日　9：00-18：00
土曜・日曜   9：00-17：00
第3土曜・年末年始は休館</t>
    <rPh sb="8" eb="10">
      <t>ヘイジツ</t>
    </rPh>
    <rPh sb="46" eb="50">
      <t>ネンマツネンシ</t>
    </rPh>
    <rPh sb="51" eb="53">
      <t>キュウカン</t>
    </rPh>
    <phoneticPr fontId="2"/>
  </si>
  <si>
    <t>横浜市沢渡三ツ沢地域ケアプラザ</t>
    <rPh sb="0" eb="3">
      <t>ヨコハマシ</t>
    </rPh>
    <rPh sb="3" eb="5">
      <t>サワタリ</t>
    </rPh>
    <rPh sb="5" eb="6">
      <t>ミ</t>
    </rPh>
    <rPh sb="7" eb="8">
      <t>ザワ</t>
    </rPh>
    <rPh sb="8" eb="10">
      <t>チイキ</t>
    </rPh>
    <phoneticPr fontId="2"/>
  </si>
  <si>
    <t>神奈川区沢渡５６－１</t>
    <rPh sb="4" eb="6">
      <t>サワタリ</t>
    </rPh>
    <phoneticPr fontId="2"/>
  </si>
  <si>
    <t>月～金　9：00-18：00
土・日   9：00-17：00
第１日曜・年末年始は休館</t>
    <rPh sb="34" eb="35">
      <t>ニチ</t>
    </rPh>
    <rPh sb="37" eb="41">
      <t>ネンマツネンシ</t>
    </rPh>
    <rPh sb="42" eb="44">
      <t>キュウカン</t>
    </rPh>
    <phoneticPr fontId="2"/>
  </si>
  <si>
    <t>横浜市六角橋地域ケアプラザ</t>
    <rPh sb="0" eb="3">
      <t>ヨコハマシ</t>
    </rPh>
    <rPh sb="3" eb="6">
      <t>ロッカクバシ</t>
    </rPh>
    <rPh sb="6" eb="8">
      <t>チイキ</t>
    </rPh>
    <phoneticPr fontId="2"/>
  </si>
  <si>
    <t>神奈川区六角橋３－３－１３</t>
    <rPh sb="0" eb="4">
      <t>カナガワク</t>
    </rPh>
    <rPh sb="4" eb="7">
      <t>ロッカクバシ</t>
    </rPh>
    <phoneticPr fontId="2"/>
  </si>
  <si>
    <t>月曜～土曜 9時～18時
日曜・祝日 9時～17時
ただし第３日曜日・年末年始(12/29～1/3)を除く</t>
    <rPh sb="0" eb="2">
      <t>ゲツヨウ</t>
    </rPh>
    <rPh sb="3" eb="5">
      <t>ドヨウ</t>
    </rPh>
    <rPh sb="7" eb="8">
      <t>ジ</t>
    </rPh>
    <rPh sb="11" eb="12">
      <t>ジ</t>
    </rPh>
    <rPh sb="13" eb="15">
      <t>ニチヨウ</t>
    </rPh>
    <rPh sb="16" eb="18">
      <t>シュクジツ</t>
    </rPh>
    <rPh sb="20" eb="21">
      <t>ジ</t>
    </rPh>
    <rPh sb="24" eb="25">
      <t>ジ</t>
    </rPh>
    <rPh sb="29" eb="30">
      <t>ダイ</t>
    </rPh>
    <rPh sb="31" eb="34">
      <t>ニチヨウビ</t>
    </rPh>
    <rPh sb="35" eb="39">
      <t>ネンマツネンシ</t>
    </rPh>
    <rPh sb="51" eb="52">
      <t>ノゾ</t>
    </rPh>
    <phoneticPr fontId="2"/>
  </si>
  <si>
    <t>横浜市神奈川区福祉保健活動拠点</t>
    <phoneticPr fontId="2"/>
  </si>
  <si>
    <t>横浜市神奈川区反町１－８－４はーと友１F</t>
    <rPh sb="0" eb="3">
      <t>ヨコハマシ</t>
    </rPh>
    <rPh sb="3" eb="7">
      <t>カナガワク</t>
    </rPh>
    <rPh sb="7" eb="9">
      <t>タンマチ</t>
    </rPh>
    <rPh sb="17" eb="18">
      <t>ユウ</t>
    </rPh>
    <phoneticPr fontId="2"/>
  </si>
  <si>
    <t>月曜～土曜　9：00～17：00
ただし、年末年始除く</t>
    <rPh sb="0" eb="1">
      <t>ゲツ</t>
    </rPh>
    <rPh sb="3" eb="4">
      <t>ド</t>
    </rPh>
    <rPh sb="21" eb="25">
      <t>ネンマツネンシ</t>
    </rPh>
    <rPh sb="25" eb="26">
      <t>ノゾ</t>
    </rPh>
    <phoneticPr fontId="2"/>
  </si>
  <si>
    <t>１階ホワイエ；ホール催事時間に準ずる
２階；8:30～22:00（ただし、全館休館日を除く）</t>
    <rPh sb="1" eb="2">
      <t>カイ</t>
    </rPh>
    <rPh sb="10" eb="12">
      <t>サイジ</t>
    </rPh>
    <rPh sb="12" eb="14">
      <t>ジカン</t>
    </rPh>
    <rPh sb="15" eb="16">
      <t>ジュン</t>
    </rPh>
    <rPh sb="20" eb="21">
      <t>カイ</t>
    </rPh>
    <phoneticPr fontId="2"/>
  </si>
  <si>
    <t>西区庁舎開庁時間と同じ。
・月曜～金曜　8：45～17：00　(ただし、祝休日・12/29～1/3を除く)
・第２・４土曜　9：00～12：00</t>
    <rPh sb="15" eb="16">
      <t>ヨウ</t>
    </rPh>
    <phoneticPr fontId="2"/>
  </si>
  <si>
    <t>平日　8：45～20：45
土曜・日曜・休日　9：00～16：45（ただし、第3日曜、年末年始を除く）</t>
    <rPh sb="14" eb="16">
      <t>ドヨウ</t>
    </rPh>
    <rPh sb="17" eb="19">
      <t>ニチヨウ</t>
    </rPh>
    <rPh sb="20" eb="21">
      <t>キュウ</t>
    </rPh>
    <rPh sb="21" eb="22">
      <t>ヒ</t>
    </rPh>
    <rPh sb="38" eb="39">
      <t>ダイ</t>
    </rPh>
    <rPh sb="40" eb="42">
      <t>ニチヨウ</t>
    </rPh>
    <rPh sb="43" eb="47">
      <t>ネンマツネンシ</t>
    </rPh>
    <rPh sb="48" eb="49">
      <t>ノゾ</t>
    </rPh>
    <phoneticPr fontId="2"/>
  </si>
  <si>
    <t>【利用可能日】
月曜～土曜　9：00～18：00　　　　　　　　　　　　　　　　　　　　　　　　　　　　　　　　　　　　　　　　　　　　　　　　　　　　　　　　　　　日曜　　　　   9：00～17：00　
【利用不可日】
第４月曜</t>
    <rPh sb="112" eb="113">
      <t>ダイ</t>
    </rPh>
    <phoneticPr fontId="2"/>
  </si>
  <si>
    <t>平日・土曜日　9：00～18：00
日曜・祝日　9：00～17：00
ただし、年末年始・毎月第4水曜日は利用できません</t>
    <rPh sb="0" eb="2">
      <t>ヘイジツ</t>
    </rPh>
    <rPh sb="3" eb="6">
      <t>ドヨウビ</t>
    </rPh>
    <rPh sb="18" eb="20">
      <t>ニチヨウ</t>
    </rPh>
    <rPh sb="21" eb="23">
      <t>シュクジツ</t>
    </rPh>
    <rPh sb="39" eb="41">
      <t>ネンマツ</t>
    </rPh>
    <rPh sb="41" eb="43">
      <t>ネンシ</t>
    </rPh>
    <rPh sb="44" eb="46">
      <t>マイツキ</t>
    </rPh>
    <rPh sb="46" eb="47">
      <t>ダイ</t>
    </rPh>
    <rPh sb="48" eb="51">
      <t>スイヨウビ</t>
    </rPh>
    <rPh sb="52" eb="54">
      <t>リヨウ</t>
    </rPh>
    <phoneticPr fontId="2"/>
  </si>
  <si>
    <t>平日　9：00～18：00（ただし、夜間貸館日を除く）
日曜・祝日　9：00～1７：00</t>
    <rPh sb="0" eb="2">
      <t>ヘイジツ</t>
    </rPh>
    <rPh sb="18" eb="20">
      <t>ヤカン</t>
    </rPh>
    <rPh sb="20" eb="22">
      <t>カシカン</t>
    </rPh>
    <rPh sb="22" eb="23">
      <t>ビ</t>
    </rPh>
    <rPh sb="24" eb="25">
      <t>ノゾ</t>
    </rPh>
    <rPh sb="28" eb="30">
      <t>ニチヨウ</t>
    </rPh>
    <rPh sb="31" eb="33">
      <t>シュクジツ</t>
    </rPh>
    <phoneticPr fontId="2"/>
  </si>
  <si>
    <t>休館日を除く
平日　9：00～21：00
日曜・祝日　9：00～17：00</t>
    <rPh sb="0" eb="3">
      <t>キュウカンビ</t>
    </rPh>
    <rPh sb="4" eb="5">
      <t>ノゾ</t>
    </rPh>
    <rPh sb="7" eb="9">
      <t>ヘイジツ</t>
    </rPh>
    <rPh sb="21" eb="22">
      <t>ニチ</t>
    </rPh>
    <rPh sb="24" eb="25">
      <t>シュク</t>
    </rPh>
    <rPh sb="25" eb="26">
      <t>ジツ</t>
    </rPh>
    <phoneticPr fontId="2"/>
  </si>
  <si>
    <t>【利用可能日】
日～土　9：00～17：00
【利用不可日】
第2月曜（祝日の場合は翌火曜）、12/29～1/3</t>
    <rPh sb="0" eb="7">
      <t>(リヨウカノウビ)</t>
    </rPh>
    <rPh sb="8" eb="9">
      <t>ニチ</t>
    </rPh>
    <rPh sb="10" eb="11">
      <t>ド</t>
    </rPh>
    <rPh sb="23" eb="30">
      <t>(リヨウフカビ)</t>
    </rPh>
    <rPh sb="31" eb="32">
      <t>ダイ</t>
    </rPh>
    <rPh sb="33" eb="35">
      <t>ゲツヨウ</t>
    </rPh>
    <rPh sb="36" eb="38">
      <t>シュクジツ</t>
    </rPh>
    <rPh sb="39" eb="41">
      <t>バアイ</t>
    </rPh>
    <rPh sb="42" eb="43">
      <t>ヨク</t>
    </rPh>
    <rPh sb="43" eb="45">
      <t>カヨウ</t>
    </rPh>
    <phoneticPr fontId="2"/>
  </si>
  <si>
    <t>9：00～17：00 （最終火曜・年末年始を除く）</t>
    <rPh sb="22" eb="23">
      <t>ノゾ</t>
    </rPh>
    <phoneticPr fontId="2"/>
  </si>
  <si>
    <t>9：00～17：00
休館日（年末年始・第2木曜）</t>
    <phoneticPr fontId="2"/>
  </si>
  <si>
    <t>8：30～18：00（ただし、12/29～1/3を除く）</t>
    <rPh sb="25" eb="26">
      <t>ノゾ</t>
    </rPh>
    <phoneticPr fontId="2"/>
  </si>
  <si>
    <t>平日　9：00～21：00
日・祝　9：00～17：00
ただし、休館日（第3月曜日、祝日の場合は翌火曜）及び年末年始休館日を除く</t>
    <rPh sb="0" eb="2">
      <t>ヘイジツ</t>
    </rPh>
    <rPh sb="14" eb="15">
      <t>ニチ</t>
    </rPh>
    <rPh sb="16" eb="17">
      <t>シュク</t>
    </rPh>
    <rPh sb="33" eb="36">
      <t>キュウカンビ</t>
    </rPh>
    <rPh sb="37" eb="38">
      <t>ダイ</t>
    </rPh>
    <rPh sb="39" eb="42">
      <t>ゲツヨウビ</t>
    </rPh>
    <rPh sb="43" eb="45">
      <t>シュクジツ</t>
    </rPh>
    <rPh sb="46" eb="48">
      <t>バアイ</t>
    </rPh>
    <rPh sb="49" eb="50">
      <t>ヨク</t>
    </rPh>
    <rPh sb="50" eb="52">
      <t>カヨウ</t>
    </rPh>
    <rPh sb="53" eb="54">
      <t>オヨ</t>
    </rPh>
    <rPh sb="55" eb="57">
      <t>ネンマツ</t>
    </rPh>
    <rPh sb="57" eb="59">
      <t>ネンシ</t>
    </rPh>
    <rPh sb="59" eb="62">
      <t>キュウカンビ</t>
    </rPh>
    <rPh sb="63" eb="64">
      <t>ノゾ</t>
    </rPh>
    <phoneticPr fontId="2"/>
  </si>
  <si>
    <t>平日　8：45～17：00
（第2・4土曜日　9：00～12：00）</t>
    <rPh sb="0" eb="2">
      <t>ヘイジツ</t>
    </rPh>
    <rPh sb="15" eb="16">
      <t>ダイ</t>
    </rPh>
    <rPh sb="19" eb="22">
      <t>ドヨウビ</t>
    </rPh>
    <phoneticPr fontId="2"/>
  </si>
  <si>
    <t>平日・土曜　9：00～21：00
日曜・祝日　9：00～17：00
第4月曜・年末年始を除く</t>
    <rPh sb="0" eb="2">
      <t>ヘイジツ</t>
    </rPh>
    <rPh sb="3" eb="5">
      <t>ドヨウ</t>
    </rPh>
    <rPh sb="17" eb="18">
      <t>ニチ</t>
    </rPh>
    <rPh sb="20" eb="21">
      <t>シュク</t>
    </rPh>
    <rPh sb="21" eb="22">
      <t>ヒ</t>
    </rPh>
    <rPh sb="34" eb="35">
      <t>ダイ</t>
    </rPh>
    <rPh sb="36" eb="37">
      <t>ゲツ</t>
    </rPh>
    <rPh sb="39" eb="41">
      <t>ネンマツ</t>
    </rPh>
    <rPh sb="41" eb="43">
      <t>ネンシ</t>
    </rPh>
    <rPh sb="44" eb="45">
      <t>ノゾ</t>
    </rPh>
    <phoneticPr fontId="2"/>
  </si>
  <si>
    <t>月曜～土曜　9：00～21：00
日曜・祝日　9：00～17：00　（休館日：第1月曜・12/29～1/3）</t>
    <rPh sb="0" eb="1">
      <t>ゲツ</t>
    </rPh>
    <rPh sb="3" eb="4">
      <t>ド</t>
    </rPh>
    <rPh sb="17" eb="18">
      <t>ニチ</t>
    </rPh>
    <rPh sb="20" eb="22">
      <t>シュクジツ</t>
    </rPh>
    <rPh sb="35" eb="38">
      <t>キュウカンビ</t>
    </rPh>
    <rPh sb="39" eb="40">
      <t>ダイ</t>
    </rPh>
    <rPh sb="41" eb="43">
      <t>ゲツヨウ</t>
    </rPh>
    <phoneticPr fontId="2"/>
  </si>
  <si>
    <t>月曜～土曜　9：00～21：00
日曜・祝日　9：00～17：00　（休館日：第4月曜・12/29～1/3）</t>
    <rPh sb="0" eb="1">
      <t>ゲツ</t>
    </rPh>
    <rPh sb="3" eb="4">
      <t>ド</t>
    </rPh>
    <rPh sb="17" eb="18">
      <t>ニチ</t>
    </rPh>
    <rPh sb="20" eb="22">
      <t>シュクジツ</t>
    </rPh>
    <rPh sb="35" eb="38">
      <t>キュウカンビ</t>
    </rPh>
    <rPh sb="39" eb="40">
      <t>ダイ</t>
    </rPh>
    <rPh sb="41" eb="43">
      <t>ゲツヨウ</t>
    </rPh>
    <phoneticPr fontId="2"/>
  </si>
  <si>
    <t>月曜～金曜　8：45～17：00　（ただし12/29～1/3を除く）
第2・第4土曜　9：00～12：00</t>
    <rPh sb="0" eb="1">
      <t>ゲツ</t>
    </rPh>
    <rPh sb="3" eb="4">
      <t>キン</t>
    </rPh>
    <rPh sb="35" eb="36">
      <t>ダイ</t>
    </rPh>
    <rPh sb="38" eb="39">
      <t>ダイ</t>
    </rPh>
    <rPh sb="40" eb="42">
      <t>ドヨウ</t>
    </rPh>
    <phoneticPr fontId="2"/>
  </si>
  <si>
    <t>【利用可能日】
平日・土曜　9：00～20：45
日曜・祝日　9：00～16：45
【利用不可日】
年末年始（12/29～1/3）、第4月曜</t>
    <rPh sb="8" eb="10">
      <t>ヘイジツ</t>
    </rPh>
    <rPh sb="11" eb="12">
      <t>ド</t>
    </rPh>
    <rPh sb="25" eb="26">
      <t>ニチ</t>
    </rPh>
    <rPh sb="28" eb="30">
      <t>シュクジツ</t>
    </rPh>
    <phoneticPr fontId="2"/>
  </si>
  <si>
    <t>平日8：45～17：00
第2・第4土曜（祝日含む）　9：00～12：00</t>
    <rPh sb="0" eb="2">
      <t>ヘイジツ</t>
    </rPh>
    <phoneticPr fontId="2"/>
  </si>
  <si>
    <t>月曜～土曜　9：00～18：00　（ただし、第1土曜は休館日）
日曜・祝日　9：00～17：00</t>
    <rPh sb="0" eb="1">
      <t>ゲツ</t>
    </rPh>
    <rPh sb="3" eb="4">
      <t>ド</t>
    </rPh>
    <rPh sb="22" eb="23">
      <t>ダイ</t>
    </rPh>
    <rPh sb="24" eb="26">
      <t>ドヨウ</t>
    </rPh>
    <rPh sb="27" eb="30">
      <t>キュウカンビ</t>
    </rPh>
    <rPh sb="32" eb="33">
      <t>ニチ</t>
    </rPh>
    <rPh sb="35" eb="36">
      <t>シュク</t>
    </rPh>
    <rPh sb="36" eb="37">
      <t>ヒ</t>
    </rPh>
    <phoneticPr fontId="2"/>
  </si>
  <si>
    <t>【利用可能日】
平日・土日祝　9：00～17：00
【利用不可日】
第3月曜、年末年始(12/29～1/3）</t>
    <rPh sb="1" eb="3">
      <t>リヨウ</t>
    </rPh>
    <rPh sb="3" eb="6">
      <t>カノウビ</t>
    </rPh>
    <rPh sb="8" eb="10">
      <t>ヘイジツ</t>
    </rPh>
    <rPh sb="11" eb="13">
      <t>ドニチ</t>
    </rPh>
    <rPh sb="13" eb="14">
      <t>シュク</t>
    </rPh>
    <rPh sb="27" eb="32">
      <t>リヨウフカビ</t>
    </rPh>
    <rPh sb="34" eb="35">
      <t>ダイ</t>
    </rPh>
    <rPh sb="36" eb="38">
      <t>ゲツヨウ</t>
    </rPh>
    <rPh sb="39" eb="43">
      <t>ネンマツネンシ</t>
    </rPh>
    <phoneticPr fontId="2"/>
  </si>
  <si>
    <t>平日　9：00～18：00
日祝　9：00～17：00 （ただし、年末年始、第4月曜を除く）</t>
    <rPh sb="0" eb="2">
      <t>ヘイジツ</t>
    </rPh>
    <rPh sb="14" eb="15">
      <t>ニチ</t>
    </rPh>
    <rPh sb="15" eb="16">
      <t>シュク</t>
    </rPh>
    <rPh sb="33" eb="37">
      <t>ネンマツネンシ</t>
    </rPh>
    <rPh sb="38" eb="39">
      <t>ダイ</t>
    </rPh>
    <rPh sb="40" eb="42">
      <t>ゲツヨウ</t>
    </rPh>
    <rPh sb="43" eb="44">
      <t>ノゾ</t>
    </rPh>
    <phoneticPr fontId="2"/>
  </si>
  <si>
    <t>平日・土曜　9：00～21：00
日曜・祝日　9：00～17：00</t>
    <rPh sb="0" eb="2">
      <t>ヘイジツ</t>
    </rPh>
    <rPh sb="3" eb="4">
      <t>ツチ</t>
    </rPh>
    <rPh sb="17" eb="19">
      <t>ニチヨウ</t>
    </rPh>
    <rPh sb="20" eb="22">
      <t>シュクジツ</t>
    </rPh>
    <phoneticPr fontId="2"/>
  </si>
  <si>
    <t>平日・土曜　9：00～21：00
日曜・祝日　9：00～17：00　（ただし、年末年始、年4回定期清掃のため休館）</t>
    <rPh sb="0" eb="2">
      <t>ヘイジツ</t>
    </rPh>
    <rPh sb="3" eb="5">
      <t>ドヨウ</t>
    </rPh>
    <rPh sb="17" eb="19">
      <t>ニチヨウ</t>
    </rPh>
    <rPh sb="20" eb="22">
      <t>シュクジツ</t>
    </rPh>
    <phoneticPr fontId="2"/>
  </si>
  <si>
    <t>月曜～土曜　9：00～18：00（21：00までの日もあり）
日曜・祝日　9：00～17：00</t>
    <rPh sb="25" eb="26">
      <t>ヒ</t>
    </rPh>
    <rPh sb="31" eb="33">
      <t>ニチヨウ</t>
    </rPh>
    <phoneticPr fontId="2"/>
  </si>
  <si>
    <t>平日　9：00～21：00
日曜、祝日　9：00～17：00
ただし第4火曜を除く</t>
    <rPh sb="0" eb="2">
      <t>ヘイジツ</t>
    </rPh>
    <rPh sb="14" eb="16">
      <t>ニチヨウ</t>
    </rPh>
    <rPh sb="17" eb="19">
      <t>シュクジツ</t>
    </rPh>
    <rPh sb="34" eb="35">
      <t>ダイ</t>
    </rPh>
    <rPh sb="36" eb="38">
      <t>カヨウ</t>
    </rPh>
    <rPh sb="39" eb="40">
      <t>ノゾ</t>
    </rPh>
    <phoneticPr fontId="2"/>
  </si>
  <si>
    <t>9：00～17：00　（ただし、12/28～1/3を除く）</t>
    <phoneticPr fontId="2"/>
  </si>
  <si>
    <t>【利用可能日】
平日　9：00～21：00
日曜・祝日　9：00～17：00
【利用不可日】
第3月曜（第3月曜が祝日の場合は翌火曜）、12/29～1/3</t>
    <rPh sb="1" eb="3">
      <t>リヨウ</t>
    </rPh>
    <rPh sb="3" eb="5">
      <t>カノウ</t>
    </rPh>
    <rPh sb="5" eb="6">
      <t>ビ</t>
    </rPh>
    <rPh sb="22" eb="24">
      <t>ニチヨウ</t>
    </rPh>
    <rPh sb="40" eb="42">
      <t>リヨウ</t>
    </rPh>
    <rPh sb="42" eb="44">
      <t>フカ</t>
    </rPh>
    <rPh sb="44" eb="45">
      <t>ビ</t>
    </rPh>
    <phoneticPr fontId="2"/>
  </si>
  <si>
    <t>月曜～土曜　9：00～21：00
日曜・祝日 　9：00～17：00（いずれも年末年始を除く）</t>
    <rPh sb="0" eb="2">
      <t>ゲツヨウ</t>
    </rPh>
    <rPh sb="3" eb="5">
      <t>ドヨウ</t>
    </rPh>
    <rPh sb="17" eb="19">
      <t>ニチヨウ</t>
    </rPh>
    <rPh sb="21" eb="22">
      <t>ヒ</t>
    </rPh>
    <phoneticPr fontId="2"/>
  </si>
  <si>
    <t>8：15～22：00（ただし、年末年始を除く）</t>
    <rPh sb="15" eb="19">
      <t>ネンマツネンシ</t>
    </rPh>
    <rPh sb="20" eb="21">
      <t>ノゾ</t>
    </rPh>
    <phoneticPr fontId="2"/>
  </si>
  <si>
    <t>9：00～21：00（ただし、第2火曜、年末年始を除く）</t>
    <rPh sb="15" eb="16">
      <t>ダイ</t>
    </rPh>
    <rPh sb="17" eb="19">
      <t>カヨウ</t>
    </rPh>
    <rPh sb="20" eb="24">
      <t>ネンマツネンシ</t>
    </rPh>
    <rPh sb="25" eb="26">
      <t>ノゾ</t>
    </rPh>
    <phoneticPr fontId="2"/>
  </si>
  <si>
    <t>9：00～17：00(ただし、第3日曜、年末年始を除く)</t>
    <phoneticPr fontId="2"/>
  </si>
  <si>
    <t>幸市民館</t>
  </si>
  <si>
    <t>川崎市幸区戸手本町1－11－2</t>
    <phoneticPr fontId="2"/>
  </si>
  <si>
    <t>１階ホワイエ</t>
  </si>
  <si>
    <t>9:00～21:00
（休館日は備考のとおり）</t>
    <rPh sb="12" eb="15">
      <t>キュウカンビ</t>
    </rPh>
    <rPh sb="16" eb="18">
      <t>ビコウ</t>
    </rPh>
    <phoneticPr fontId="2"/>
  </si>
  <si>
    <t>高津市民館</t>
    <phoneticPr fontId="2"/>
  </si>
  <si>
    <t>川崎市高津区溝口１－４－１　ノクティプラザ２　１１階</t>
    <phoneticPr fontId="2"/>
  </si>
  <si>
    <t>ノクティプラザ２の１１階の高津市民館受付</t>
    <phoneticPr fontId="2"/>
  </si>
  <si>
    <t>9:00～21:00 
（休館日は備考のとおり）</t>
    <phoneticPr fontId="2"/>
  </si>
  <si>
    <t>休館日
１　毎月第３月曜日※祝日の時はその直後の休日でない日
２　年末年始（12月29日～１月３日）
３　設備点検のため臨時で休館する場合があります。</t>
    <rPh sb="0" eb="3">
      <t>キュウカンビ</t>
    </rPh>
    <phoneticPr fontId="2"/>
  </si>
  <si>
    <t>シートの寸法
１118cm×60cm</t>
    <rPh sb="4" eb="6">
      <t>スンポウ</t>
    </rPh>
    <phoneticPr fontId="2"/>
  </si>
  <si>
    <t>三ツ池公園</t>
    <phoneticPr fontId="2"/>
  </si>
  <si>
    <t>横浜市鶴見区三ッ池公園1-1</t>
    <phoneticPr fontId="2"/>
  </si>
  <si>
    <t>パークセンター内トイレ</t>
    <phoneticPr fontId="2"/>
  </si>
  <si>
    <t>8：30～17：00</t>
    <phoneticPr fontId="2"/>
  </si>
  <si>
    <t>8：30～22：00
【利用不可日】
偶数月の第３日曜日（10月は第４日曜日）、11月17日（令和６年度）、12月29日～１月３日</t>
    <rPh sb="12" eb="14">
      <t>リヨウ</t>
    </rPh>
    <rPh sb="14" eb="16">
      <t>フカ</t>
    </rPh>
    <rPh sb="16" eb="17">
      <t>ビ</t>
    </rPh>
    <phoneticPr fontId="2"/>
  </si>
  <si>
    <t>車椅子使用者用トイレ内（４箇所）</t>
    <rPh sb="0" eb="3">
      <t>クルマイス</t>
    </rPh>
    <rPh sb="3" eb="7">
      <t>シヨウシャヨウ</t>
    </rPh>
    <rPh sb="10" eb="11">
      <t>ナイ</t>
    </rPh>
    <rPh sb="13" eb="15">
      <t>カショ</t>
    </rPh>
    <phoneticPr fontId="2"/>
  </si>
  <si>
    <t>QR入庁証の発券が必要。</t>
    <rPh sb="2" eb="4">
      <t>ニュウチョウ</t>
    </rPh>
    <rPh sb="4" eb="5">
      <t>ショウ</t>
    </rPh>
    <rPh sb="6" eb="8">
      <t>ハッケン</t>
    </rPh>
    <rPh sb="9" eb="11">
      <t>ヒツヨウ</t>
    </rPh>
    <phoneticPr fontId="2"/>
  </si>
  <si>
    <t>車椅子使用者用トイレ内（23箇所）</t>
    <rPh sb="0" eb="6">
      <t>クルマイスシヨウシャ</t>
    </rPh>
    <rPh sb="6" eb="7">
      <t>ヨウ</t>
    </rPh>
    <rPh sb="10" eb="11">
      <t>ナイ</t>
    </rPh>
    <rPh sb="14" eb="16">
      <t>カショ</t>
    </rPh>
    <phoneticPr fontId="2"/>
  </si>
  <si>
    <t>神奈川県民ホール6階会議室前ロビートイレ</t>
    <rPh sb="0" eb="5">
      <t>カナガワケンミン</t>
    </rPh>
    <rPh sb="9" eb="10">
      <t>カイ</t>
    </rPh>
    <rPh sb="10" eb="13">
      <t>カイギシツ</t>
    </rPh>
    <rPh sb="13" eb="14">
      <t>マエ</t>
    </rPh>
    <phoneticPr fontId="2"/>
  </si>
  <si>
    <t>開館時（ホール及び会議室の利用時間、レストランの営業時間による）
【利用不可日】
年末年始（12/28～1/4）</t>
    <rPh sb="0" eb="3">
      <t>カイカンジ</t>
    </rPh>
    <rPh sb="7" eb="8">
      <t>オヨ</t>
    </rPh>
    <rPh sb="9" eb="12">
      <t>カイギシツ</t>
    </rPh>
    <rPh sb="13" eb="15">
      <t>リヨウ</t>
    </rPh>
    <rPh sb="15" eb="17">
      <t>ジカン</t>
    </rPh>
    <rPh sb="24" eb="26">
      <t>エイギョウ</t>
    </rPh>
    <rPh sb="26" eb="28">
      <t>ジカン</t>
    </rPh>
    <phoneticPr fontId="2"/>
  </si>
  <si>
    <t>県民ホール神奈川芸術劇場
(KAAT神奈川芸術劇場)</t>
    <rPh sb="0" eb="2">
      <t>ケンミン</t>
    </rPh>
    <rPh sb="5" eb="12">
      <t>カナガワゲイジュツゲキジョウ</t>
    </rPh>
    <phoneticPr fontId="2"/>
  </si>
  <si>
    <t>神奈川芸術劇場１階</t>
  </si>
  <si>
    <t>10:00～18:00（夜公演がある場合は終演まで可）
【利用不可日】
年末年始（12/28～1/4）</t>
    <phoneticPr fontId="2"/>
  </si>
  <si>
    <t>かながわ労働プラザ</t>
    <rPh sb="4" eb="6">
      <t>ロウドウ</t>
    </rPh>
    <phoneticPr fontId="2"/>
  </si>
  <si>
    <t>横浜市中区寿町１－４</t>
    <rPh sb="0" eb="3">
      <t>ヨコハマシ</t>
    </rPh>
    <rPh sb="3" eb="5">
      <t>ナカク</t>
    </rPh>
    <rPh sb="5" eb="7">
      <t>コトブキチョウ</t>
    </rPh>
    <phoneticPr fontId="2"/>
  </si>
  <si>
    <t>かながわ労働プラザ３階</t>
    <rPh sb="4" eb="6">
      <t>ロウドウ</t>
    </rPh>
    <rPh sb="10" eb="11">
      <t>カイ</t>
    </rPh>
    <phoneticPr fontId="2"/>
  </si>
  <si>
    <t>9:00～22:00
休館日（12/28～1/4）を除く</t>
    <rPh sb="11" eb="14">
      <t>キュウカンビ</t>
    </rPh>
    <rPh sb="26" eb="27">
      <t>ノゾ</t>
    </rPh>
    <phoneticPr fontId="2"/>
  </si>
  <si>
    <t>１階バリアフリートイレ</t>
    <rPh sb="1" eb="2">
      <t>カイ</t>
    </rPh>
    <phoneticPr fontId="2"/>
  </si>
  <si>
    <t>川崎市役所本庁舎</t>
    <rPh sb="0" eb="2">
      <t>カワサキ</t>
    </rPh>
    <rPh sb="2" eb="3">
      <t>シ</t>
    </rPh>
    <rPh sb="3" eb="5">
      <t>ヤクショ</t>
    </rPh>
    <rPh sb="5" eb="8">
      <t>ホンチョウシャ</t>
    </rPh>
    <phoneticPr fontId="2"/>
  </si>
  <si>
    <t>川崎市川崎区宮本町1</t>
  </si>
  <si>
    <t>川崎市役所第３庁舎</t>
    <rPh sb="0" eb="5">
      <t>カワサキシヤクショ</t>
    </rPh>
    <rPh sb="5" eb="6">
      <t>ダイ</t>
    </rPh>
    <rPh sb="7" eb="8">
      <t>チョウ</t>
    </rPh>
    <rPh sb="8" eb="9">
      <t>シャ</t>
    </rPh>
    <phoneticPr fontId="2"/>
  </si>
  <si>
    <t>川崎市川崎区東田町5ー4</t>
    <rPh sb="0" eb="3">
      <t>カワサキシ</t>
    </rPh>
    <rPh sb="3" eb="6">
      <t>カワサキク</t>
    </rPh>
    <rPh sb="6" eb="8">
      <t>ヒガシダ</t>
    </rPh>
    <rPh sb="8" eb="9">
      <t>マチ</t>
    </rPh>
    <phoneticPr fontId="2"/>
  </si>
  <si>
    <t>8:30～17:00（祝休日・12月29 日から1月3日を除く）</t>
    <phoneticPr fontId="2"/>
  </si>
  <si>
    <t>川崎区役所</t>
    <rPh sb="0" eb="5">
      <t>カワサキクヤクショ</t>
    </rPh>
    <phoneticPr fontId="2"/>
  </si>
  <si>
    <t>川崎市川崎区東田町8</t>
    <rPh sb="0" eb="3">
      <t>カワサキシ</t>
    </rPh>
    <rPh sb="3" eb="6">
      <t>カワサキク</t>
    </rPh>
    <rPh sb="6" eb="9">
      <t>ヒガシダチョウ</t>
    </rPh>
    <phoneticPr fontId="2"/>
  </si>
  <si>
    <t>平日　8：30～17：15</t>
  </si>
  <si>
    <t>・要望があった場合に多目的トイレ内に折り畳み式ベッドを持ち込んで設置</t>
    <rPh sb="10" eb="13">
      <t>タモクテキ</t>
    </rPh>
    <rPh sb="18" eb="19">
      <t>オ</t>
    </rPh>
    <rPh sb="20" eb="21">
      <t>タタ</t>
    </rPh>
    <rPh sb="22" eb="23">
      <t>シキ</t>
    </rPh>
    <phoneticPr fontId="2"/>
  </si>
  <si>
    <t>川崎区役所大師支所</t>
    <rPh sb="0" eb="5">
      <t>カワサキクヤクショ</t>
    </rPh>
    <rPh sb="5" eb="9">
      <t>ダイシシショ</t>
    </rPh>
    <phoneticPr fontId="2"/>
  </si>
  <si>
    <t>川崎市川崎区台町26‐7</t>
    <rPh sb="0" eb="3">
      <t>カワサキシ</t>
    </rPh>
    <rPh sb="3" eb="6">
      <t>カワサキク</t>
    </rPh>
    <rPh sb="6" eb="8">
      <t>ダイマチ</t>
    </rPh>
    <phoneticPr fontId="2"/>
  </si>
  <si>
    <t>1階多目的トイレ</t>
    <rPh sb="1" eb="2">
      <t>カイ</t>
    </rPh>
    <phoneticPr fontId="2"/>
  </si>
  <si>
    <t>川崎区役所田島支所</t>
    <rPh sb="0" eb="5">
      <t>カワサキクヤクショ</t>
    </rPh>
    <rPh sb="5" eb="9">
      <t>タジマシショ</t>
    </rPh>
    <phoneticPr fontId="2"/>
  </si>
  <si>
    <t>川崎市川崎区田島町20‐23</t>
    <rPh sb="0" eb="3">
      <t>カワサキシ</t>
    </rPh>
    <rPh sb="3" eb="6">
      <t>カワサキク</t>
    </rPh>
    <rPh sb="6" eb="9">
      <t>タジマチョウ</t>
    </rPh>
    <phoneticPr fontId="2"/>
  </si>
  <si>
    <t>夢見ヶ崎動物公園パークセンター</t>
    <phoneticPr fontId="2"/>
  </si>
  <si>
    <t>川崎市幸区南加瀬1－2－1</t>
    <rPh sb="0" eb="3">
      <t>カワサキシ</t>
    </rPh>
    <rPh sb="3" eb="5">
      <t>サイワイク</t>
    </rPh>
    <rPh sb="5" eb="8">
      <t>ミナミカセ</t>
    </rPh>
    <phoneticPr fontId="2"/>
  </si>
  <si>
    <t>9：00～16：00</t>
    <phoneticPr fontId="2"/>
  </si>
  <si>
    <t>各階多目的トイレ</t>
    <rPh sb="0" eb="2">
      <t>カクカイ</t>
    </rPh>
    <rPh sb="2" eb="5">
      <t>タモクテキ</t>
    </rPh>
    <phoneticPr fontId="2"/>
  </si>
  <si>
    <t>川崎市総合自治会館</t>
    <rPh sb="0" eb="9">
      <t>カワサキシソウゴウジチカイカン</t>
    </rPh>
    <phoneticPr fontId="2"/>
  </si>
  <si>
    <t>川崎市中原区小杉町3－600　　コスギサードアヴェニュー4階</t>
    <rPh sb="0" eb="3">
      <t>カワサキシ</t>
    </rPh>
    <phoneticPr fontId="2"/>
  </si>
  <si>
    <t>原則第３月曜日、年末年始、その他臨時の休館日有</t>
    <rPh sb="22" eb="23">
      <t>アリ</t>
    </rPh>
    <phoneticPr fontId="2"/>
  </si>
  <si>
    <t>宮前区役所向丘出張所</t>
    <rPh sb="0" eb="5">
      <t>ミヤマエクヤクショ</t>
    </rPh>
    <rPh sb="5" eb="7">
      <t>ムカイガオカ</t>
    </rPh>
    <rPh sb="7" eb="10">
      <t>シュッチョウジョ</t>
    </rPh>
    <phoneticPr fontId="2"/>
  </si>
  <si>
    <t>川崎市宮前区平1-10-1</t>
    <rPh sb="6" eb="7">
      <t>タイラ</t>
    </rPh>
    <phoneticPr fontId="2"/>
  </si>
  <si>
    <t>Anker フロンタウン生田</t>
    <rPh sb="12" eb="14">
      <t>イクタ</t>
    </rPh>
    <phoneticPr fontId="2"/>
  </si>
  <si>
    <t>川崎市多摩区生田1-1-1</t>
    <rPh sb="0" eb="3">
      <t>カワサキシ</t>
    </rPh>
    <rPh sb="3" eb="6">
      <t>タマク</t>
    </rPh>
    <rPh sb="6" eb="8">
      <t>イクタ</t>
    </rPh>
    <phoneticPr fontId="2"/>
  </si>
  <si>
    <t>Anker フロンタウン生田　Soundcore アリーナ屋外「みんなのトイレ」内</t>
    <rPh sb="40" eb="41">
      <t>ナイ</t>
    </rPh>
    <phoneticPr fontId="2"/>
  </si>
  <si>
    <t>7:30～22:00（ただし、年末年始休業期間を除く）</t>
    <rPh sb="15" eb="19">
      <t>ネンマツネンシ</t>
    </rPh>
    <rPh sb="19" eb="21">
      <t>キュウギョウ</t>
    </rPh>
    <rPh sb="21" eb="23">
      <t>キカン</t>
    </rPh>
    <rPh sb="24" eb="25">
      <t>ノゾ</t>
    </rPh>
    <phoneticPr fontId="2"/>
  </si>
  <si>
    <t>生田出張所</t>
    <rPh sb="0" eb="5">
      <t>イ</t>
    </rPh>
    <phoneticPr fontId="2"/>
  </si>
  <si>
    <t>川崎市多摩区生田7‐16‐1</t>
    <rPh sb="0" eb="3">
      <t>カワサキシ</t>
    </rPh>
    <rPh sb="3" eb="6">
      <t>タマク</t>
    </rPh>
    <rPh sb="6" eb="8">
      <t>イクタ</t>
    </rPh>
    <phoneticPr fontId="2"/>
  </si>
  <si>
    <t>１階　誰でもトイレ個室内</t>
    <rPh sb="1" eb="2">
      <t>カイ</t>
    </rPh>
    <rPh sb="3" eb="4">
      <t>ダレ</t>
    </rPh>
    <rPh sb="9" eb="12">
      <t>コシツナイ</t>
    </rPh>
    <phoneticPr fontId="2"/>
  </si>
  <si>
    <t>平日　8：30～17：00</t>
    <rPh sb="0" eb="2">
      <t>ヘイジツ</t>
    </rPh>
    <phoneticPr fontId="2"/>
  </si>
  <si>
    <t>１階バリアフリートイレ内</t>
    <rPh sb="1" eb="2">
      <t>カイ</t>
    </rPh>
    <rPh sb="11" eb="12">
      <t>ナイ</t>
    </rPh>
    <phoneticPr fontId="2"/>
  </si>
  <si>
    <t>麻生区役所</t>
    <rPh sb="0" eb="5">
      <t>アサオクヤクショ</t>
    </rPh>
    <phoneticPr fontId="2"/>
  </si>
  <si>
    <t>川崎市麻生区万福寺1－5ー1</t>
    <rPh sb="0" eb="6">
      <t>カワサキシアサオク</t>
    </rPh>
    <rPh sb="6" eb="9">
      <t>マンプクジ</t>
    </rPh>
    <phoneticPr fontId="2"/>
  </si>
  <si>
    <t>２階、３階多目的トイレ</t>
    <rPh sb="1" eb="2">
      <t>カイ</t>
    </rPh>
    <rPh sb="4" eb="5">
      <t>カイ</t>
    </rPh>
    <rPh sb="5" eb="8">
      <t>タモクテキ</t>
    </rPh>
    <phoneticPr fontId="2"/>
  </si>
  <si>
    <t>開庁時間と同じ</t>
    <rPh sb="0" eb="4">
      <t>カイチョウジカン</t>
    </rPh>
    <rPh sb="5" eb="6">
      <t>オナ</t>
    </rPh>
    <phoneticPr fontId="2"/>
  </si>
  <si>
    <t>麻生市民交流館やまゆり</t>
  </si>
  <si>
    <t>川崎市麻生区上麻生1-11-5</t>
  </si>
  <si>
    <t>月～金:　9:30～17:00
（休館日：年末年始・施設点検日）</t>
    <rPh sb="17" eb="20">
      <t>キュウカンビ</t>
    </rPh>
    <rPh sb="21" eb="23">
      <t>ネンマツ</t>
    </rPh>
    <rPh sb="23" eb="25">
      <t>ネンシ</t>
    </rPh>
    <rPh sb="26" eb="28">
      <t>シセツ</t>
    </rPh>
    <rPh sb="28" eb="31">
      <t>テンケンビ</t>
    </rPh>
    <phoneticPr fontId="2"/>
  </si>
  <si>
    <t>約60㎝×120cm</t>
  </si>
  <si>
    <t>観音崎公園</t>
    <rPh sb="0" eb="3">
      <t>カンノンザキ</t>
    </rPh>
    <rPh sb="3" eb="5">
      <t>コウエン</t>
    </rPh>
    <phoneticPr fontId="2"/>
  </si>
  <si>
    <t>横須賀市鴨居4-1262</t>
    <rPh sb="0" eb="3">
      <t>ヨコスカ</t>
    </rPh>
    <rPh sb="3" eb="4">
      <t>シ</t>
    </rPh>
    <rPh sb="4" eb="6">
      <t>カモイ</t>
    </rPh>
    <phoneticPr fontId="2"/>
  </si>
  <si>
    <t>観音崎公園パークセンター</t>
    <rPh sb="0" eb="5">
      <t>カンノンザキコウエン</t>
    </rPh>
    <phoneticPr fontId="2"/>
  </si>
  <si>
    <t>8：30～17：00</t>
  </si>
  <si>
    <t>横須賀市役所本庁舎</t>
    <phoneticPr fontId="2"/>
  </si>
  <si>
    <t>横須賀市日の出町1－1</t>
    <rPh sb="0" eb="4">
      <t>ヨコスカシ</t>
    </rPh>
    <rPh sb="4" eb="5">
      <t>ヒ</t>
    </rPh>
    <rPh sb="6" eb="7">
      <t>デ</t>
    </rPh>
    <rPh sb="7" eb="8">
      <t>マチ</t>
    </rPh>
    <phoneticPr fontId="2"/>
  </si>
  <si>
    <t>分館１階</t>
    <rPh sb="0" eb="2">
      <t>ブンカン</t>
    </rPh>
    <rPh sb="3" eb="4">
      <t>カイ</t>
    </rPh>
    <phoneticPr fontId="2"/>
  </si>
  <si>
    <t>平日　8：30～17：15</t>
    <rPh sb="0" eb="2">
      <t>ヘイジツ</t>
    </rPh>
    <phoneticPr fontId="2"/>
  </si>
  <si>
    <t>鎌倉市役所本庁舎</t>
    <rPh sb="0" eb="5">
      <t>カマクラシヤクショ</t>
    </rPh>
    <rPh sb="5" eb="8">
      <t>ホンチョウシャ</t>
    </rPh>
    <phoneticPr fontId="2"/>
  </si>
  <si>
    <t>鎌倉市御成町18‐10</t>
    <rPh sb="0" eb="3">
      <t>カマクラシ</t>
    </rPh>
    <rPh sb="3" eb="6">
      <t>オナリチョウ</t>
    </rPh>
    <phoneticPr fontId="2"/>
  </si>
  <si>
    <t>１階　障害福祉課前の
車椅子使用者用便房内</t>
    <rPh sb="0" eb="2">
      <t>イッカイ</t>
    </rPh>
    <rPh sb="3" eb="5">
      <t>ショウガイ</t>
    </rPh>
    <rPh sb="5" eb="8">
      <t>フクシカ</t>
    </rPh>
    <rPh sb="8" eb="9">
      <t>マエ</t>
    </rPh>
    <rPh sb="11" eb="12">
      <t>クルマ</t>
    </rPh>
    <rPh sb="12" eb="14">
      <t>イス</t>
    </rPh>
    <rPh sb="14" eb="17">
      <t>シヨウシャ</t>
    </rPh>
    <rPh sb="17" eb="18">
      <t>ヨウ</t>
    </rPh>
    <rPh sb="18" eb="19">
      <t>ビン</t>
    </rPh>
    <rPh sb="19" eb="20">
      <t>ボウ</t>
    </rPh>
    <rPh sb="20" eb="21">
      <t>ナイ</t>
    </rPh>
    <phoneticPr fontId="2"/>
  </si>
  <si>
    <t>原則
平日8：30～17：00</t>
    <rPh sb="0" eb="2">
      <t>ゲンソク</t>
    </rPh>
    <rPh sb="3" eb="5">
      <t>ヘイジツ</t>
    </rPh>
    <phoneticPr fontId="2"/>
  </si>
  <si>
    <t>鎌倉市役所第６分庁舎</t>
    <rPh sb="0" eb="2">
      <t>カマクラ</t>
    </rPh>
    <rPh sb="2" eb="5">
      <t>シヤクショ</t>
    </rPh>
    <rPh sb="5" eb="6">
      <t>ダイ</t>
    </rPh>
    <rPh sb="7" eb="8">
      <t>ブン</t>
    </rPh>
    <rPh sb="8" eb="10">
      <t>チョウシャ</t>
    </rPh>
    <phoneticPr fontId="2"/>
  </si>
  <si>
    <t>１階
車椅子使用者用便房内</t>
    <rPh sb="0" eb="2">
      <t>イッカイ</t>
    </rPh>
    <rPh sb="3" eb="6">
      <t>クルマイス</t>
    </rPh>
    <rPh sb="6" eb="10">
      <t>シヨウシャヨウ</t>
    </rPh>
    <rPh sb="10" eb="11">
      <t>ビン</t>
    </rPh>
    <rPh sb="11" eb="12">
      <t>ボウ</t>
    </rPh>
    <rPh sb="12" eb="13">
      <t>ナイ</t>
    </rPh>
    <phoneticPr fontId="2"/>
  </si>
  <si>
    <t>鳥居原園地</t>
    <rPh sb="0" eb="2">
      <t>トリイ</t>
    </rPh>
    <rPh sb="2" eb="3">
      <t>ハラ</t>
    </rPh>
    <rPh sb="3" eb="5">
      <t>エンチ</t>
    </rPh>
    <phoneticPr fontId="2"/>
  </si>
  <si>
    <t>相模原市緑区鳥屋地内</t>
    <rPh sb="0" eb="4">
      <t>サガミハラシ</t>
    </rPh>
    <rPh sb="4" eb="6">
      <t>ミドリク</t>
    </rPh>
    <rPh sb="6" eb="8">
      <t>トヤ</t>
    </rPh>
    <rPh sb="8" eb="10">
      <t>チナイ</t>
    </rPh>
    <phoneticPr fontId="2"/>
  </si>
  <si>
    <t>鳥居原公衆便所</t>
    <rPh sb="0" eb="2">
      <t>トリイ</t>
    </rPh>
    <rPh sb="2" eb="3">
      <t>ハラ</t>
    </rPh>
    <rPh sb="3" eb="5">
      <t>コウシュウ</t>
    </rPh>
    <rPh sb="5" eb="7">
      <t>ベンジョ</t>
    </rPh>
    <phoneticPr fontId="2"/>
  </si>
  <si>
    <t>24時間（併設の駐車場利用時間9:00～17:00）</t>
    <rPh sb="2" eb="4">
      <t>ジカン</t>
    </rPh>
    <rPh sb="5" eb="7">
      <t>ヘイセツ</t>
    </rPh>
    <rPh sb="8" eb="11">
      <t>チュウシャジョウ</t>
    </rPh>
    <rPh sb="11" eb="13">
      <t>リヨウ</t>
    </rPh>
    <rPh sb="13" eb="15">
      <t>ジカン</t>
    </rPh>
    <phoneticPr fontId="2"/>
  </si>
  <si>
    <t>１階みんなのトイレ</t>
    <rPh sb="1" eb="2">
      <t>カイ</t>
    </rPh>
    <phoneticPr fontId="2"/>
  </si>
  <si>
    <t>厚木中央公園</t>
    <phoneticPr fontId="2"/>
  </si>
  <si>
    <t>厚木市寿町三丁目424-1</t>
    <rPh sb="0" eb="3">
      <t>アツギシ</t>
    </rPh>
    <rPh sb="3" eb="5">
      <t>コトブキチョウ</t>
    </rPh>
    <rPh sb="5" eb="6">
      <t>３</t>
    </rPh>
    <rPh sb="6" eb="8">
      <t>チョウメ</t>
    </rPh>
    <phoneticPr fontId="2"/>
  </si>
  <si>
    <t>バリアフリーブース</t>
    <phoneticPr fontId="2"/>
  </si>
  <si>
    <t>病院本館１台</t>
    <rPh sb="0" eb="2">
      <t>ビョウイン</t>
    </rPh>
    <rPh sb="2" eb="4">
      <t>ホンカン</t>
    </rPh>
    <rPh sb="5" eb="6">
      <t>ダイ</t>
    </rPh>
    <phoneticPr fontId="2"/>
  </si>
  <si>
    <t>平日　8:00～17:15</t>
    <rPh sb="0" eb="2">
      <t>ヘイジツ</t>
    </rPh>
    <phoneticPr fontId="2"/>
  </si>
  <si>
    <t>神奈川リハビリテーション病院館内案内　
https://www.kanariha-hp.kanagawa-rehab.or.jp/introduction/floor-guide/</t>
    <phoneticPr fontId="2"/>
  </si>
  <si>
    <t>本館棟１階バリアフリートイレ内</t>
    <rPh sb="0" eb="2">
      <t>ホンカン</t>
    </rPh>
    <rPh sb="2" eb="3">
      <t>トウ</t>
    </rPh>
    <rPh sb="4" eb="5">
      <t>カイ</t>
    </rPh>
    <rPh sb="14" eb="15">
      <t>ナイ</t>
    </rPh>
    <phoneticPr fontId="2"/>
  </si>
  <si>
    <t>8：30～16：30</t>
  </si>
  <si>
    <t>シート長120㎝</t>
    <rPh sb="3" eb="4">
      <t>ナガ</t>
    </rPh>
    <phoneticPr fontId="2"/>
  </si>
  <si>
    <t>平塚合同庁舎</t>
    <rPh sb="0" eb="2">
      <t>ヒラツカ</t>
    </rPh>
    <rPh sb="2" eb="4">
      <t>ゴウドウ</t>
    </rPh>
    <rPh sb="4" eb="6">
      <t>チョウシャ</t>
    </rPh>
    <phoneticPr fontId="2"/>
  </si>
  <si>
    <t>平塚市西八幡1-3-1</t>
    <rPh sb="0" eb="3">
      <t>ヒラツカシ</t>
    </rPh>
    <rPh sb="3" eb="6">
      <t>ニシヤワタ</t>
    </rPh>
    <phoneticPr fontId="2"/>
  </si>
  <si>
    <t>本館１階男子トイレ内</t>
    <rPh sb="0" eb="2">
      <t>ホンカン</t>
    </rPh>
    <rPh sb="3" eb="4">
      <t>カイ</t>
    </rPh>
    <rPh sb="4" eb="6">
      <t>ダンシ</t>
    </rPh>
    <rPh sb="9" eb="10">
      <t>ナイ</t>
    </rPh>
    <phoneticPr fontId="2"/>
  </si>
  <si>
    <t>開庁日8：30～17：15</t>
    <rPh sb="0" eb="2">
      <t>カイチョウ</t>
    </rPh>
    <rPh sb="2" eb="3">
      <t>ビ</t>
    </rPh>
    <phoneticPr fontId="2"/>
  </si>
  <si>
    <t>平塚文化芸術ホール</t>
    <rPh sb="0" eb="2">
      <t>ヒラツカ</t>
    </rPh>
    <rPh sb="2" eb="4">
      <t>ブンカ</t>
    </rPh>
    <rPh sb="4" eb="6">
      <t>ゲイジュツ</t>
    </rPh>
    <phoneticPr fontId="2"/>
  </si>
  <si>
    <t>平塚市見附町16-1</t>
    <rPh sb="0" eb="3">
      <t>ヒラツカシ</t>
    </rPh>
    <rPh sb="3" eb="6">
      <t>ミツケチョウ</t>
    </rPh>
    <phoneticPr fontId="2"/>
  </si>
  <si>
    <t>1階大練習室北側多目的トイレ
楽屋多目的トイレ</t>
    <rPh sb="1" eb="2">
      <t>カイ</t>
    </rPh>
    <rPh sb="2" eb="3">
      <t>ダイ</t>
    </rPh>
    <rPh sb="3" eb="6">
      <t>レンシュウシツ</t>
    </rPh>
    <rPh sb="6" eb="8">
      <t>キタガワ</t>
    </rPh>
    <rPh sb="8" eb="11">
      <t>タモクテキ</t>
    </rPh>
    <rPh sb="15" eb="17">
      <t>ガクヤ</t>
    </rPh>
    <rPh sb="17" eb="20">
      <t>タモクテキ</t>
    </rPh>
    <phoneticPr fontId="2"/>
  </si>
  <si>
    <t>9:00～22:00（ただし、年末年始及び第3月曜日（第3月曜日が祝日の場合は翌平日）を除く）</t>
    <rPh sb="15" eb="17">
      <t>ネンマツ</t>
    </rPh>
    <rPh sb="17" eb="19">
      <t>ネンシ</t>
    </rPh>
    <rPh sb="19" eb="20">
      <t>オヨ</t>
    </rPh>
    <rPh sb="21" eb="22">
      <t>ダイ</t>
    </rPh>
    <rPh sb="23" eb="26">
      <t>ゲツヨウビ</t>
    </rPh>
    <rPh sb="27" eb="28">
      <t>ダイ</t>
    </rPh>
    <rPh sb="29" eb="32">
      <t>ゲツヨウビ</t>
    </rPh>
    <rPh sb="33" eb="35">
      <t>シュクジツ</t>
    </rPh>
    <rPh sb="36" eb="38">
      <t>バアイ</t>
    </rPh>
    <rPh sb="39" eb="40">
      <t>ヨク</t>
    </rPh>
    <rPh sb="40" eb="42">
      <t>ヘイジツ</t>
    </rPh>
    <rPh sb="44" eb="45">
      <t>ノゾ</t>
    </rPh>
    <phoneticPr fontId="2"/>
  </si>
  <si>
    <t>楽屋多目的トイレは大ホール使用者のみ使用可</t>
    <rPh sb="0" eb="2">
      <t>ガクヤ</t>
    </rPh>
    <rPh sb="2" eb="5">
      <t>タモクテキ</t>
    </rPh>
    <rPh sb="9" eb="10">
      <t>ダイ</t>
    </rPh>
    <rPh sb="13" eb="15">
      <t>シヨウ</t>
    </rPh>
    <rPh sb="15" eb="16">
      <t>シャ</t>
    </rPh>
    <rPh sb="18" eb="20">
      <t>シヨウ</t>
    </rPh>
    <rPh sb="20" eb="21">
      <t>カ</t>
    </rPh>
    <phoneticPr fontId="2"/>
  </si>
  <si>
    <t>平塚競輪場</t>
    <rPh sb="0" eb="5">
      <t>ヒラ</t>
    </rPh>
    <phoneticPr fontId="2"/>
  </si>
  <si>
    <t>平塚市久領堤5－1</t>
    <rPh sb="0" eb="3">
      <t>ヒラツカシ</t>
    </rPh>
    <rPh sb="3" eb="6">
      <t>クリョウヅツミ</t>
    </rPh>
    <phoneticPr fontId="2"/>
  </si>
  <si>
    <t>通用門横みんなのトイレ</t>
    <rPh sb="0" eb="3">
      <t>ツウヨウモン</t>
    </rPh>
    <rPh sb="3" eb="4">
      <t>ヨコ</t>
    </rPh>
    <phoneticPr fontId="2"/>
  </si>
  <si>
    <t>24時間365日</t>
    <rPh sb="2" eb="4">
      <t>ジカン</t>
    </rPh>
    <rPh sb="7" eb="8">
      <t>ニチ</t>
    </rPh>
    <phoneticPr fontId="2"/>
  </si>
  <si>
    <t>通用門係り員にお声がけの上で利用ください</t>
    <rPh sb="0" eb="3">
      <t>ツウヨウモン</t>
    </rPh>
    <rPh sb="3" eb="4">
      <t>カカ</t>
    </rPh>
    <rPh sb="5" eb="6">
      <t>イン</t>
    </rPh>
    <rPh sb="8" eb="9">
      <t>コエ</t>
    </rPh>
    <rPh sb="12" eb="13">
      <t>ウエ</t>
    </rPh>
    <rPh sb="14" eb="16">
      <t>リヨウ</t>
    </rPh>
    <phoneticPr fontId="2"/>
  </si>
  <si>
    <t>辻堂海浜公園</t>
    <phoneticPr fontId="2"/>
  </si>
  <si>
    <t>藤沢市辻堂西海岸3－2</t>
    <rPh sb="0" eb="3">
      <t>フジサワシ</t>
    </rPh>
    <rPh sb="3" eb="8">
      <t>ツジドウニシカイガン</t>
    </rPh>
    <phoneticPr fontId="2"/>
  </si>
  <si>
    <t>プールセンター</t>
  </si>
  <si>
    <t>陸上競技場　1階・2階</t>
    <rPh sb="0" eb="5">
      <t>リクジョウキョウギジョウ</t>
    </rPh>
    <rPh sb="7" eb="8">
      <t>カイ</t>
    </rPh>
    <rPh sb="10" eb="11">
      <t>カイ</t>
    </rPh>
    <phoneticPr fontId="2"/>
  </si>
  <si>
    <t>開場日　9：00～17：00
【休場日】
月曜日。ただし、祝日である場合はその翌日が休場日</t>
    <rPh sb="0" eb="2">
      <t>カイジョウ</t>
    </rPh>
    <rPh sb="2" eb="3">
      <t>ビ</t>
    </rPh>
    <rPh sb="16" eb="19">
      <t>キュウジョウビ</t>
    </rPh>
    <phoneticPr fontId="2"/>
  </si>
  <si>
    <t>利用者のみ使用可</t>
    <phoneticPr fontId="2"/>
  </si>
  <si>
    <t>湘南夢わくわく公園</t>
    <rPh sb="0" eb="2">
      <t>ショウナン</t>
    </rPh>
    <rPh sb="2" eb="3">
      <t>ユメ</t>
    </rPh>
    <rPh sb="7" eb="9">
      <t>コウエン</t>
    </rPh>
    <phoneticPr fontId="2"/>
  </si>
  <si>
    <t>茅ヶ崎市中島1451-1</t>
    <rPh sb="0" eb="4">
      <t>チガサキシ</t>
    </rPh>
    <rPh sb="4" eb="6">
      <t>ナカジマ</t>
    </rPh>
    <phoneticPr fontId="2"/>
  </si>
  <si>
    <t>トイレ内</t>
    <rPh sb="3" eb="4">
      <t>ナイ</t>
    </rPh>
    <phoneticPr fontId="2"/>
  </si>
  <si>
    <t>公園は常時開放しているため、常に使用できるが、駐車場の利用時間は次のとおり
・４～９月：8:00～18:00、それ以外の月：8:00～17:00</t>
    <rPh sb="0" eb="2">
      <t>コウエン</t>
    </rPh>
    <rPh sb="3" eb="5">
      <t>ジョウジ</t>
    </rPh>
    <rPh sb="5" eb="7">
      <t>カイホウ</t>
    </rPh>
    <rPh sb="14" eb="15">
      <t>ツネ</t>
    </rPh>
    <rPh sb="16" eb="18">
      <t>シヨウ</t>
    </rPh>
    <rPh sb="23" eb="26">
      <t>チュウシャジョウ</t>
    </rPh>
    <rPh sb="27" eb="29">
      <t>リヨウ</t>
    </rPh>
    <rPh sb="29" eb="31">
      <t>ジカン</t>
    </rPh>
    <rPh sb="32" eb="33">
      <t>ツギ</t>
    </rPh>
    <rPh sb="42" eb="43">
      <t>ガツ</t>
    </rPh>
    <rPh sb="57" eb="59">
      <t>イガイ</t>
    </rPh>
    <rPh sb="60" eb="61">
      <t>ツキ</t>
    </rPh>
    <phoneticPr fontId="2"/>
  </si>
  <si>
    <t>開成町保健センター</t>
    <rPh sb="0" eb="3">
      <t>カイセイマチ</t>
    </rPh>
    <rPh sb="3" eb="5">
      <t>ホケン</t>
    </rPh>
    <phoneticPr fontId="2"/>
  </si>
  <si>
    <t>足柄上郡開成町延沢773</t>
    <rPh sb="0" eb="9">
      <t>アシガラカミグンカイセイマチノブサワ</t>
    </rPh>
    <phoneticPr fontId="2"/>
  </si>
  <si>
    <t>平日8：30-17：15（ただし月曜日は除く）</t>
    <rPh sb="0" eb="2">
      <t>ヘイジツ</t>
    </rPh>
    <rPh sb="16" eb="19">
      <t>ゲツヨウビ</t>
    </rPh>
    <rPh sb="20" eb="21">
      <t>ノゾ</t>
    </rPh>
    <phoneticPr fontId="2"/>
  </si>
  <si>
    <t>道の駅「箱根峠」</t>
    <rPh sb="0" eb="1">
      <t>ミチ</t>
    </rPh>
    <rPh sb="2" eb="3">
      <t>エキ</t>
    </rPh>
    <rPh sb="4" eb="6">
      <t>ハコネ</t>
    </rPh>
    <rPh sb="6" eb="7">
      <t>トウゲ</t>
    </rPh>
    <phoneticPr fontId="2"/>
  </si>
  <si>
    <t>箱根町</t>
    <rPh sb="0" eb="3">
      <t>ハコネマチ</t>
    </rPh>
    <phoneticPr fontId="2"/>
  </si>
  <si>
    <t>足柄下郡箱根町箱根381-22</t>
    <rPh sb="0" eb="2">
      <t>アシガラ</t>
    </rPh>
    <rPh sb="2" eb="4">
      <t>シモグン</t>
    </rPh>
    <rPh sb="4" eb="7">
      <t>ハコネマチ</t>
    </rPh>
    <rPh sb="7" eb="9">
      <t>ハコネ</t>
    </rPh>
    <phoneticPr fontId="2"/>
  </si>
  <si>
    <t>24時間利用可能</t>
    <rPh sb="2" eb="4">
      <t>ジカン</t>
    </rPh>
    <rPh sb="4" eb="6">
      <t>リヨウ</t>
    </rPh>
    <rPh sb="6" eb="8">
      <t>カノウ</t>
    </rPh>
    <phoneticPr fontId="2"/>
  </si>
  <si>
    <t>シートの長さ１５０ｃｍ</t>
    <rPh sb="4" eb="5">
      <t>ナガ</t>
    </rPh>
    <phoneticPr fontId="2"/>
  </si>
  <si>
    <t>月～土：9:00～17：00</t>
    <rPh sb="0" eb="1">
      <t>ゲツ</t>
    </rPh>
    <rPh sb="2" eb="3">
      <t>ド</t>
    </rPh>
    <phoneticPr fontId="2"/>
  </si>
  <si>
    <r>
      <t>休館日
１　毎月第</t>
    </r>
    <r>
      <rPr>
        <sz val="11"/>
        <rFont val="Inherit"/>
        <family val="2"/>
      </rPr>
      <t>3</t>
    </r>
    <r>
      <rPr>
        <sz val="11"/>
        <rFont val="ＭＳ Ｐゴシック"/>
        <family val="3"/>
        <charset val="128"/>
      </rPr>
      <t>月曜日※祝休日もあたる場合は開館し、代わりに翌日が休館です。
２　年末年始
３　設備点検などにより、臨時に休館することがあります。</t>
    </r>
    <rPh sb="21" eb="23">
      <t>バアイ</t>
    </rPh>
    <rPh sb="24" eb="26">
      <t>カイカン</t>
    </rPh>
    <rPh sb="28" eb="29">
      <t>カ</t>
    </rPh>
    <rPh sb="43" eb="45">
      <t>ネンマツ</t>
    </rPh>
    <rPh sb="45" eb="47">
      <t>ネンシ</t>
    </rPh>
    <phoneticPr fontId="2"/>
  </si>
  <si>
    <t>ユニバーサルシート（介助用大型ベッド）の設置場所（令和８年２月１日現在）</t>
    <rPh sb="10" eb="12">
      <t>カイジョ</t>
    </rPh>
    <rPh sb="12" eb="13">
      <t>ヨウ</t>
    </rPh>
    <rPh sb="13" eb="15">
      <t>オオガタ</t>
    </rPh>
    <rPh sb="20" eb="22">
      <t>セッチ</t>
    </rPh>
    <rPh sb="22" eb="24">
      <t>バショ</t>
    </rPh>
    <rPh sb="25" eb="27">
      <t>レイワ</t>
    </rPh>
    <rPh sb="28" eb="29">
      <t>ネン</t>
    </rPh>
    <rPh sb="30" eb="31">
      <t>ツキ</t>
    </rPh>
    <rPh sb="32" eb="33">
      <t>ニチ</t>
    </rPh>
    <rPh sb="33" eb="35">
      <t>ゲンザイ</t>
    </rPh>
    <phoneticPr fontId="2"/>
  </si>
  <si>
    <t>復元棟１階
高層棟25階（展望ロビー・スカイデッキ）</t>
    <rPh sb="0" eb="3">
      <t>フクゲントウ</t>
    </rPh>
    <rPh sb="4" eb="5">
      <t>カイ</t>
    </rPh>
    <rPh sb="6" eb="8">
      <t>コウソウ</t>
    </rPh>
    <rPh sb="8" eb="9">
      <t>トウ</t>
    </rPh>
    <rPh sb="11" eb="12">
      <t>カイ</t>
    </rPh>
    <rPh sb="13" eb="15">
      <t>テンボウ</t>
    </rPh>
    <phoneticPr fontId="2"/>
  </si>
  <si>
    <t>復元棟１階　　年末年始を除く 8:30～21:00（土日祝日を含む）
高層棟２５階　年末年始を除く 9:00～21:00（土日祝日を含む）</t>
    <phoneticPr fontId="2"/>
  </si>
  <si>
    <t>高層棟２５階のトイレのユニバーサルシートは、トイレ内に常設していない。
利用する際は、２５階の警備員に声をかけて、利用する運用としている。</t>
    <phoneticPr fontId="2"/>
  </si>
  <si>
    <t>サニープレイス座間</t>
    <phoneticPr fontId="2"/>
  </si>
  <si>
    <t>座間市</t>
    <rPh sb="0" eb="3">
      <t>ザマシ</t>
    </rPh>
    <phoneticPr fontId="2"/>
  </si>
  <si>
    <t>座間市緑ケ丘1-2-1</t>
    <phoneticPr fontId="2"/>
  </si>
  <si>
    <t>1階給湯室</t>
    <phoneticPr fontId="2"/>
  </si>
  <si>
    <t>9：00～21：00</t>
    <phoneticPr fontId="2"/>
  </si>
  <si>
    <t>綾瀬市保健福祉プラザ</t>
    <rPh sb="0" eb="3">
      <t>アヤセシ</t>
    </rPh>
    <rPh sb="3" eb="7">
      <t>ホケンフクシ</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font>
      <sz val="12"/>
      <color theme="1"/>
      <name val="ＭＳ 明朝"/>
      <family val="2"/>
      <charset val="128"/>
    </font>
    <font>
      <sz val="11"/>
      <color theme="1"/>
      <name val="ＭＳ Ｐゴシック"/>
      <family val="2"/>
      <charset val="128"/>
      <scheme val="minor"/>
    </font>
    <font>
      <sz val="6"/>
      <name val="ＭＳ 明朝"/>
      <family val="2"/>
      <charset val="128"/>
    </font>
    <font>
      <sz val="6"/>
      <name val="ＭＳ Ｐゴシック"/>
      <family val="3"/>
      <charset val="128"/>
    </font>
    <font>
      <sz val="11"/>
      <name val="ＭＳ Ｐゴシック"/>
      <family val="3"/>
      <charset val="128"/>
      <scheme val="minor"/>
    </font>
    <font>
      <b/>
      <sz val="11"/>
      <name val="ＭＳ Ｐゴシック"/>
      <family val="3"/>
      <charset val="128"/>
      <scheme val="minor"/>
    </font>
    <font>
      <sz val="10"/>
      <name val="ＭＳ Ｐゴシック"/>
      <family val="3"/>
      <charset val="128"/>
      <scheme val="minor"/>
    </font>
    <font>
      <sz val="6"/>
      <name val="ＭＳ Ｐゴシック"/>
      <family val="3"/>
      <charset val="128"/>
      <scheme val="minor"/>
    </font>
    <font>
      <sz val="22"/>
      <name val="ＭＳ Ｐゴシック"/>
      <family val="2"/>
      <charset val="128"/>
      <scheme val="minor"/>
    </font>
    <font>
      <sz val="14"/>
      <name val="ＭＳ Ｐゴシック"/>
      <family val="3"/>
      <charset val="128"/>
      <scheme val="minor"/>
    </font>
    <font>
      <sz val="12"/>
      <name val="ＭＳ 明朝"/>
      <family val="2"/>
      <charset val="128"/>
    </font>
    <font>
      <sz val="11"/>
      <name val="ＭＳ Ｐゴシック"/>
      <family val="3"/>
      <charset val="128"/>
    </font>
    <font>
      <sz val="11"/>
      <name val="Inherit"/>
      <family val="2"/>
    </font>
  </fonts>
  <fills count="4">
    <fill>
      <patternFill patternType="none"/>
    </fill>
    <fill>
      <patternFill patternType="gray125"/>
    </fill>
    <fill>
      <patternFill patternType="solid">
        <fgColor theme="8" tint="0.59999389629810485"/>
        <bgColor indexed="64"/>
      </patternFill>
    </fill>
    <fill>
      <patternFill patternType="solid">
        <fgColor theme="0"/>
        <bgColor indexed="64"/>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7">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xf numFmtId="0" fontId="1" fillId="0" borderId="0">
      <alignment vertical="center"/>
    </xf>
    <xf numFmtId="0" fontId="1" fillId="0" borderId="0">
      <alignment vertical="center"/>
    </xf>
  </cellStyleXfs>
  <cellXfs count="52">
    <xf numFmtId="0" fontId="0" fillId="0" borderId="0" xfId="0">
      <alignment vertical="center"/>
    </xf>
    <xf numFmtId="0" fontId="4" fillId="0" borderId="0" xfId="1" applyFont="1" applyFill="1" applyBorder="1" applyAlignment="1">
      <alignment horizontal="left" vertical="center"/>
    </xf>
    <xf numFmtId="0" fontId="4" fillId="0" borderId="0" xfId="1" applyFont="1" applyFill="1" applyBorder="1" applyAlignment="1">
      <alignment horizontal="left" vertical="center" wrapText="1"/>
    </xf>
    <xf numFmtId="0" fontId="4" fillId="0" borderId="0" xfId="1" applyFont="1" applyFill="1" applyAlignment="1">
      <alignment vertical="center"/>
    </xf>
    <xf numFmtId="0" fontId="4" fillId="0" borderId="0" xfId="1" applyFont="1" applyFill="1" applyAlignment="1">
      <alignment horizontal="left" vertical="center"/>
    </xf>
    <xf numFmtId="0" fontId="4" fillId="0" borderId="0" xfId="1" applyFont="1" applyFill="1" applyAlignment="1">
      <alignment horizontal="left" vertical="center" wrapText="1"/>
    </xf>
    <xf numFmtId="49" fontId="4" fillId="2" borderId="1" xfId="1" applyNumberFormat="1" applyFont="1" applyFill="1" applyBorder="1" applyAlignment="1">
      <alignment horizontal="center" vertical="center" wrapText="1" shrinkToFit="1"/>
    </xf>
    <xf numFmtId="0" fontId="4" fillId="3" borderId="3" xfId="1" applyFont="1" applyFill="1" applyBorder="1" applyAlignment="1" applyProtection="1">
      <alignment horizontal="center" vertical="center" wrapText="1"/>
      <protection locked="0"/>
    </xf>
    <xf numFmtId="0" fontId="4" fillId="3" borderId="3" xfId="1" applyFont="1" applyFill="1" applyBorder="1" applyAlignment="1" applyProtection="1">
      <alignment vertical="center" wrapText="1"/>
      <protection locked="0"/>
    </xf>
    <xf numFmtId="0" fontId="4" fillId="0" borderId="0" xfId="1" applyFont="1" applyFill="1" applyAlignment="1">
      <alignment vertical="center" shrinkToFit="1"/>
    </xf>
    <xf numFmtId="0" fontId="4" fillId="3" borderId="1" xfId="1" applyFont="1" applyFill="1" applyBorder="1" applyAlignment="1" applyProtection="1">
      <alignment horizontal="center" vertical="center" wrapText="1"/>
      <protection locked="0"/>
    </xf>
    <xf numFmtId="0" fontId="4" fillId="3" borderId="1" xfId="1" applyFont="1" applyFill="1" applyBorder="1" applyAlignment="1" applyProtection="1">
      <alignment vertical="center" wrapText="1"/>
      <protection locked="0"/>
    </xf>
    <xf numFmtId="49" fontId="4" fillId="2" borderId="1" xfId="1" applyNumberFormat="1" applyFont="1" applyFill="1" applyBorder="1" applyAlignment="1">
      <alignment vertical="center" wrapText="1" shrinkToFit="1"/>
    </xf>
    <xf numFmtId="0" fontId="4" fillId="3" borderId="1" xfId="1" applyFont="1" applyFill="1" applyBorder="1" applyAlignment="1" applyProtection="1">
      <alignment vertical="center" wrapText="1" shrinkToFit="1"/>
      <protection locked="0"/>
    </xf>
    <xf numFmtId="0" fontId="4" fillId="0" borderId="1" xfId="1" applyFont="1" applyFill="1" applyBorder="1" applyAlignment="1" applyProtection="1">
      <alignment vertical="center" wrapText="1" shrinkToFit="1"/>
      <protection locked="0"/>
    </xf>
    <xf numFmtId="0" fontId="4" fillId="0" borderId="1" xfId="1" applyFont="1" applyFill="1" applyBorder="1" applyAlignment="1" applyProtection="1">
      <alignment vertical="center" wrapText="1"/>
      <protection locked="0"/>
    </xf>
    <xf numFmtId="0" fontId="4" fillId="0" borderId="1" xfId="1" applyFont="1" applyFill="1" applyBorder="1" applyAlignment="1">
      <alignment vertical="center" wrapText="1"/>
    </xf>
    <xf numFmtId="0" fontId="4" fillId="3" borderId="1" xfId="1" applyFont="1" applyFill="1" applyBorder="1" applyAlignment="1" applyProtection="1">
      <alignment horizontal="left" vertical="center" wrapText="1" shrinkToFit="1"/>
      <protection locked="0"/>
    </xf>
    <xf numFmtId="0" fontId="4" fillId="0" borderId="1" xfId="1" applyFont="1" applyFill="1" applyBorder="1" applyAlignment="1">
      <alignment vertical="center"/>
    </xf>
    <xf numFmtId="0" fontId="8" fillId="0" borderId="0" xfId="1" applyFont="1" applyFill="1" applyBorder="1" applyAlignment="1">
      <alignment vertical="center"/>
    </xf>
    <xf numFmtId="0" fontId="5" fillId="3" borderId="1" xfId="1" applyFont="1" applyFill="1" applyBorder="1" applyAlignment="1" applyProtection="1">
      <alignment horizontal="center" vertical="center" wrapText="1"/>
      <protection locked="0"/>
    </xf>
    <xf numFmtId="0" fontId="6" fillId="3" borderId="1" xfId="1" applyFont="1" applyFill="1" applyBorder="1" applyAlignment="1" applyProtection="1">
      <alignment vertical="center" wrapText="1"/>
      <protection locked="0"/>
    </xf>
    <xf numFmtId="0" fontId="7" fillId="3" borderId="1" xfId="1" applyFont="1" applyFill="1" applyBorder="1" applyAlignment="1" applyProtection="1">
      <alignment vertical="center" wrapText="1"/>
      <protection locked="0"/>
    </xf>
    <xf numFmtId="0" fontId="4" fillId="0" borderId="2" xfId="1" applyFont="1" applyFill="1" applyBorder="1" applyAlignment="1">
      <alignment vertical="center"/>
    </xf>
    <xf numFmtId="0" fontId="9" fillId="0" borderId="0" xfId="1" applyFont="1" applyFill="1" applyBorder="1" applyAlignment="1">
      <alignment horizontal="right" vertical="center"/>
    </xf>
    <xf numFmtId="0" fontId="4" fillId="0" borderId="1" xfId="1" applyFont="1" applyFill="1" applyBorder="1" applyAlignment="1">
      <alignment horizontal="center" vertical="center" wrapText="1"/>
    </xf>
    <xf numFmtId="0" fontId="4" fillId="3" borderId="3" xfId="3" applyFont="1" applyFill="1" applyBorder="1" applyAlignment="1" applyProtection="1">
      <alignment horizontal="center" vertical="center" wrapText="1"/>
      <protection locked="0"/>
    </xf>
    <xf numFmtId="0" fontId="4" fillId="3" borderId="3" xfId="3" applyFont="1" applyFill="1" applyBorder="1" applyAlignment="1" applyProtection="1">
      <alignment vertical="center" wrapText="1"/>
      <protection locked="0"/>
    </xf>
    <xf numFmtId="0" fontId="4" fillId="3" borderId="1" xfId="3" applyFont="1" applyFill="1" applyBorder="1" applyAlignment="1" applyProtection="1">
      <alignment horizontal="left" vertical="center" wrapText="1" shrinkToFit="1"/>
      <protection locked="0"/>
    </xf>
    <xf numFmtId="0" fontId="4" fillId="3" borderId="1" xfId="5" applyFont="1" applyFill="1" applyBorder="1" applyAlignment="1" applyProtection="1">
      <alignment horizontal="left" vertical="center" wrapText="1" shrinkToFit="1"/>
      <protection locked="0"/>
    </xf>
    <xf numFmtId="0" fontId="4" fillId="0" borderId="1" xfId="3" applyFont="1" applyFill="1" applyBorder="1" applyAlignment="1" applyProtection="1">
      <alignment horizontal="left" vertical="center" wrapText="1" shrinkToFit="1"/>
      <protection locked="0"/>
    </xf>
    <xf numFmtId="0" fontId="6" fillId="3" borderId="3" xfId="1" applyFont="1" applyFill="1" applyBorder="1" applyAlignment="1" applyProtection="1">
      <alignment vertical="center" wrapText="1"/>
      <protection locked="0"/>
    </xf>
    <xf numFmtId="0" fontId="4" fillId="0" borderId="3" xfId="1" applyFont="1" applyFill="1" applyBorder="1" applyAlignment="1" applyProtection="1">
      <alignment vertical="center" wrapText="1"/>
      <protection locked="0"/>
    </xf>
    <xf numFmtId="0" fontId="4" fillId="0" borderId="3" xfId="1" applyFont="1" applyFill="1" applyBorder="1" applyAlignment="1" applyProtection="1">
      <alignment horizontal="left" vertical="center" wrapText="1"/>
      <protection locked="0"/>
    </xf>
    <xf numFmtId="0" fontId="4" fillId="0" borderId="3" xfId="3" applyFont="1" applyFill="1" applyBorder="1" applyAlignment="1" applyProtection="1">
      <alignment vertical="center" wrapText="1"/>
      <protection locked="0"/>
    </xf>
    <xf numFmtId="0" fontId="4" fillId="0" borderId="0" xfId="3" applyFont="1" applyFill="1" applyAlignment="1">
      <alignment vertical="center"/>
    </xf>
    <xf numFmtId="0" fontId="4" fillId="0" borderId="1" xfId="1" applyFont="1" applyFill="1" applyBorder="1" applyAlignment="1" applyProtection="1">
      <alignment horizontal="left" vertical="center" wrapText="1" shrinkToFit="1"/>
      <protection locked="0"/>
    </xf>
    <xf numFmtId="0" fontId="4" fillId="0" borderId="3" xfId="1" applyFont="1" applyFill="1" applyBorder="1" applyAlignment="1" applyProtection="1">
      <alignment horizontal="center" vertical="center" wrapText="1"/>
      <protection locked="0"/>
    </xf>
    <xf numFmtId="0" fontId="4" fillId="0" borderId="1" xfId="1" applyFont="1" applyFill="1" applyBorder="1" applyAlignment="1">
      <alignment horizontal="left" vertical="center" wrapText="1"/>
    </xf>
    <xf numFmtId="0" fontId="4" fillId="0" borderId="1" xfId="1" applyFont="1" applyFill="1" applyBorder="1" applyAlignment="1">
      <alignment horizontal="left" vertical="center"/>
    </xf>
    <xf numFmtId="0" fontId="10" fillId="0" borderId="0" xfId="0" applyFont="1">
      <alignment vertical="center"/>
    </xf>
    <xf numFmtId="0" fontId="11" fillId="3" borderId="1" xfId="1" applyFont="1" applyFill="1" applyBorder="1" applyAlignment="1" applyProtection="1">
      <alignment vertical="center" wrapText="1"/>
      <protection locked="0"/>
    </xf>
    <xf numFmtId="0" fontId="4" fillId="0" borderId="1" xfId="6" applyFont="1" applyFill="1" applyBorder="1" applyAlignment="1" applyProtection="1">
      <alignment horizontal="left" vertical="center" wrapText="1" shrinkToFit="1"/>
      <protection locked="0"/>
    </xf>
    <xf numFmtId="0" fontId="4" fillId="0" borderId="3" xfId="6" applyFont="1" applyFill="1" applyBorder="1" applyAlignment="1" applyProtection="1">
      <alignment horizontal="center" vertical="center" wrapText="1"/>
      <protection locked="0"/>
    </xf>
    <xf numFmtId="0" fontId="4" fillId="0" borderId="1" xfId="6" applyFont="1" applyFill="1" applyBorder="1" applyAlignment="1">
      <alignment horizontal="left" vertical="center" wrapText="1"/>
    </xf>
    <xf numFmtId="0" fontId="4" fillId="0" borderId="3" xfId="6" applyFont="1" applyFill="1" applyBorder="1" applyAlignment="1" applyProtection="1">
      <alignment horizontal="left" vertical="center" wrapText="1"/>
      <protection locked="0"/>
    </xf>
    <xf numFmtId="0" fontId="4" fillId="0" borderId="1" xfId="6" applyFont="1" applyFill="1" applyBorder="1" applyAlignment="1">
      <alignment horizontal="left" vertical="center"/>
    </xf>
    <xf numFmtId="0" fontId="4" fillId="0" borderId="1" xfId="0" applyFont="1" applyBorder="1" applyAlignment="1">
      <alignment vertical="center" wrapText="1"/>
    </xf>
    <xf numFmtId="0" fontId="4" fillId="0" borderId="3" xfId="3" applyFont="1" applyFill="1" applyBorder="1" applyAlignment="1" applyProtection="1">
      <alignment horizontal="center" vertical="center" wrapText="1"/>
      <protection locked="0"/>
    </xf>
    <xf numFmtId="0" fontId="4" fillId="0" borderId="3" xfId="1" applyFont="1" applyBorder="1" applyAlignment="1" applyProtection="1">
      <alignment horizontal="left" vertical="center" wrapText="1"/>
      <protection locked="0"/>
    </xf>
    <xf numFmtId="20" fontId="4" fillId="0" borderId="3" xfId="1" applyNumberFormat="1" applyFont="1" applyBorder="1" applyAlignment="1" applyProtection="1">
      <alignment horizontal="left" vertical="center" wrapText="1"/>
      <protection locked="0"/>
    </xf>
    <xf numFmtId="0" fontId="4" fillId="0" borderId="0" xfId="1" applyFont="1">
      <alignment vertical="center"/>
    </xf>
  </cellXfs>
  <cellStyles count="7">
    <cellStyle name="桁区切り 2 2" xfId="4" xr:uid="{00000000-0005-0000-0000-000000000000}"/>
    <cellStyle name="標準" xfId="0" builtinId="0"/>
    <cellStyle name="標準 2" xfId="2" xr:uid="{00000000-0005-0000-0000-000002000000}"/>
    <cellStyle name="標準 3" xfId="1" xr:uid="{00000000-0005-0000-0000-000003000000}"/>
    <cellStyle name="標準 3 2" xfId="3" xr:uid="{00000000-0005-0000-0000-000004000000}"/>
    <cellStyle name="標準 3 2 2" xfId="6" xr:uid="{00000000-0005-0000-0000-000005000000}"/>
    <cellStyle name="標準 3 3" xfId="5" xr:uid="{00000000-0005-0000-0000-000006000000}"/>
  </cellStyles>
  <dxfs count="21">
    <dxf>
      <fill>
        <patternFill>
          <bgColor theme="2" tint="-9.9948118533890809E-2"/>
        </patternFill>
      </fill>
    </dxf>
    <dxf>
      <fill>
        <patternFill>
          <bgColor theme="2" tint="-9.9948118533890809E-2"/>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
      <fill>
        <patternFill>
          <bgColor theme="2" tint="-9.9948118533890809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H177"/>
  <sheetViews>
    <sheetView tabSelected="1" view="pageBreakPreview" topLeftCell="A134" zoomScale="85" zoomScaleNormal="80" zoomScaleSheetLayoutView="85" workbookViewId="0">
      <selection activeCell="B142" sqref="B142"/>
    </sheetView>
  </sheetViews>
  <sheetFormatPr defaultColWidth="9" defaultRowHeight="13.2"/>
  <cols>
    <col min="1" max="1" width="3.5" style="9" bestFit="1" customWidth="1"/>
    <col min="2" max="2" width="36.19921875" style="5" customWidth="1"/>
    <col min="3" max="3" width="14.5" style="4" customWidth="1"/>
    <col min="4" max="4" width="11" style="4" bestFit="1" customWidth="1"/>
    <col min="5" max="5" width="51.59765625" style="4" bestFit="1" customWidth="1"/>
    <col min="6" max="6" width="39.3984375" style="4" customWidth="1"/>
    <col min="7" max="7" width="70.19921875" style="4" customWidth="1"/>
    <col min="8" max="8" width="22.8984375" style="4" customWidth="1"/>
    <col min="9" max="16384" width="9" style="3"/>
  </cols>
  <sheetData>
    <row r="1" spans="1:8" ht="25.8">
      <c r="A1" s="3"/>
      <c r="B1" s="19" t="s">
        <v>688</v>
      </c>
      <c r="C1" s="1"/>
      <c r="D1" s="1"/>
      <c r="E1" s="1"/>
      <c r="F1" s="1"/>
      <c r="G1" s="1"/>
      <c r="H1" s="24" t="s">
        <v>374</v>
      </c>
    </row>
    <row r="2" spans="1:8" ht="10.5" customHeight="1">
      <c r="A2" s="3"/>
      <c r="B2" s="2"/>
      <c r="C2" s="1"/>
      <c r="D2" s="1"/>
      <c r="E2" s="1"/>
      <c r="F2" s="1"/>
      <c r="G2" s="1"/>
      <c r="H2" s="1"/>
    </row>
    <row r="3" spans="1:8" ht="39.75" customHeight="1">
      <c r="B3" s="12" t="s">
        <v>0</v>
      </c>
      <c r="C3" s="12" t="s">
        <v>315</v>
      </c>
      <c r="D3" s="6" t="s">
        <v>295</v>
      </c>
      <c r="E3" s="12" t="s">
        <v>1</v>
      </c>
      <c r="F3" s="12" t="s">
        <v>299</v>
      </c>
      <c r="G3" s="12" t="s">
        <v>300</v>
      </c>
      <c r="H3" s="12" t="s">
        <v>2</v>
      </c>
    </row>
    <row r="4" spans="1:8" ht="28.5" customHeight="1">
      <c r="A4" s="3"/>
      <c r="B4" s="16" t="s">
        <v>568</v>
      </c>
      <c r="C4" s="10" t="s">
        <v>4</v>
      </c>
      <c r="D4" s="10" t="s">
        <v>296</v>
      </c>
      <c r="E4" s="11" t="s">
        <v>569</v>
      </c>
      <c r="F4" s="11" t="s">
        <v>570</v>
      </c>
      <c r="G4" s="11" t="s">
        <v>571</v>
      </c>
      <c r="H4" s="18"/>
    </row>
    <row r="5" spans="1:8" ht="28.5" customHeight="1">
      <c r="A5" s="3"/>
      <c r="B5" s="16" t="s">
        <v>344</v>
      </c>
      <c r="C5" s="10" t="s">
        <v>3</v>
      </c>
      <c r="D5" s="10" t="s">
        <v>296</v>
      </c>
      <c r="E5" s="11" t="s">
        <v>342</v>
      </c>
      <c r="F5" s="11" t="s">
        <v>341</v>
      </c>
      <c r="G5" s="11" t="s">
        <v>343</v>
      </c>
      <c r="H5" s="18"/>
    </row>
    <row r="6" spans="1:8" ht="39.6">
      <c r="A6" s="3"/>
      <c r="B6" s="13" t="s">
        <v>367</v>
      </c>
      <c r="C6" s="10" t="s">
        <v>4</v>
      </c>
      <c r="D6" s="10" t="s">
        <v>296</v>
      </c>
      <c r="E6" s="11" t="s">
        <v>368</v>
      </c>
      <c r="F6" s="11" t="s">
        <v>370</v>
      </c>
      <c r="G6" s="11" t="s">
        <v>572</v>
      </c>
      <c r="H6" s="32"/>
    </row>
    <row r="7" spans="1:8" ht="66">
      <c r="A7" s="3"/>
      <c r="B7" s="13" t="s">
        <v>509</v>
      </c>
      <c r="C7" s="7" t="s">
        <v>3</v>
      </c>
      <c r="D7" s="10" t="s">
        <v>296</v>
      </c>
      <c r="E7" s="8" t="s">
        <v>510</v>
      </c>
      <c r="F7" s="8" t="s">
        <v>511</v>
      </c>
      <c r="G7" s="8" t="s">
        <v>512</v>
      </c>
      <c r="H7" s="8" t="s">
        <v>513</v>
      </c>
    </row>
    <row r="8" spans="1:8" ht="52.8">
      <c r="A8" s="3"/>
      <c r="B8" s="13" t="s">
        <v>514</v>
      </c>
      <c r="C8" s="7" t="s">
        <v>3</v>
      </c>
      <c r="D8" s="10" t="s">
        <v>296</v>
      </c>
      <c r="E8" s="8" t="s">
        <v>515</v>
      </c>
      <c r="F8" s="8" t="s">
        <v>382</v>
      </c>
      <c r="G8" s="8" t="s">
        <v>516</v>
      </c>
      <c r="H8" s="31"/>
    </row>
    <row r="9" spans="1:8" ht="39.6">
      <c r="A9" s="3"/>
      <c r="B9" s="13" t="s">
        <v>517</v>
      </c>
      <c r="C9" s="7" t="s">
        <v>4</v>
      </c>
      <c r="D9" s="10" t="s">
        <v>296</v>
      </c>
      <c r="E9" s="8" t="s">
        <v>518</v>
      </c>
      <c r="F9" s="8" t="s">
        <v>205</v>
      </c>
      <c r="G9" s="8" t="s">
        <v>519</v>
      </c>
      <c r="H9" s="31"/>
    </row>
    <row r="10" spans="1:8" ht="40.5" customHeight="1">
      <c r="A10" s="3"/>
      <c r="B10" s="13" t="s">
        <v>520</v>
      </c>
      <c r="C10" s="7" t="s">
        <v>3</v>
      </c>
      <c r="D10" s="10" t="s">
        <v>296</v>
      </c>
      <c r="E10" s="8" t="s">
        <v>521</v>
      </c>
      <c r="F10" s="8" t="s">
        <v>196</v>
      </c>
      <c r="G10" s="8" t="s">
        <v>522</v>
      </c>
      <c r="H10" s="31"/>
    </row>
    <row r="11" spans="1:8" ht="40.5" customHeight="1">
      <c r="A11" s="3"/>
      <c r="B11" s="13" t="s">
        <v>523</v>
      </c>
      <c r="C11" s="7" t="s">
        <v>3</v>
      </c>
      <c r="D11" s="10" t="s">
        <v>296</v>
      </c>
      <c r="E11" s="8" t="s">
        <v>524</v>
      </c>
      <c r="F11" s="8" t="s">
        <v>205</v>
      </c>
      <c r="G11" s="8" t="s">
        <v>525</v>
      </c>
      <c r="H11" s="31"/>
    </row>
    <row r="12" spans="1:8" ht="39.6">
      <c r="A12" s="3"/>
      <c r="B12" s="13" t="s">
        <v>138</v>
      </c>
      <c r="C12" s="10" t="s">
        <v>4</v>
      </c>
      <c r="D12" s="10" t="s">
        <v>296</v>
      </c>
      <c r="E12" s="11" t="s">
        <v>369</v>
      </c>
      <c r="F12" s="11" t="s">
        <v>339</v>
      </c>
      <c r="G12" s="11" t="s">
        <v>526</v>
      </c>
      <c r="H12" s="11" t="s">
        <v>340</v>
      </c>
    </row>
    <row r="13" spans="1:8" ht="39.6">
      <c r="A13" s="3"/>
      <c r="B13" s="17" t="s">
        <v>379</v>
      </c>
      <c r="C13" s="7" t="s">
        <v>4</v>
      </c>
      <c r="D13" s="25" t="s">
        <v>380</v>
      </c>
      <c r="E13" s="8" t="s">
        <v>381</v>
      </c>
      <c r="F13" s="8" t="s">
        <v>382</v>
      </c>
      <c r="G13" s="8" t="s">
        <v>527</v>
      </c>
      <c r="H13" s="8"/>
    </row>
    <row r="14" spans="1:8" ht="28.5" customHeight="1">
      <c r="A14" s="3"/>
      <c r="B14" s="13" t="s">
        <v>350</v>
      </c>
      <c r="C14" s="10" t="s">
        <v>4</v>
      </c>
      <c r="D14" s="10" t="s">
        <v>296</v>
      </c>
      <c r="E14" s="11" t="s">
        <v>352</v>
      </c>
      <c r="F14" s="11" t="s">
        <v>573</v>
      </c>
      <c r="G14" s="11" t="s">
        <v>353</v>
      </c>
      <c r="H14" s="32" t="s">
        <v>574</v>
      </c>
    </row>
    <row r="15" spans="1:8" ht="28.5" customHeight="1">
      <c r="A15" s="3"/>
      <c r="B15" s="13" t="s">
        <v>351</v>
      </c>
      <c r="C15" s="10" t="s">
        <v>4</v>
      </c>
      <c r="D15" s="10" t="s">
        <v>296</v>
      </c>
      <c r="E15" s="11" t="s">
        <v>352</v>
      </c>
      <c r="F15" s="11" t="s">
        <v>575</v>
      </c>
      <c r="G15" s="11" t="s">
        <v>353</v>
      </c>
      <c r="H15" s="32" t="s">
        <v>574</v>
      </c>
    </row>
    <row r="16" spans="1:8" ht="47.25" customHeight="1">
      <c r="A16" s="3"/>
      <c r="B16" s="23" t="s">
        <v>356</v>
      </c>
      <c r="C16" s="7" t="s">
        <v>4</v>
      </c>
      <c r="D16" s="10" t="s">
        <v>296</v>
      </c>
      <c r="E16" s="11" t="s">
        <v>358</v>
      </c>
      <c r="F16" s="11" t="s">
        <v>576</v>
      </c>
      <c r="G16" s="11" t="s">
        <v>577</v>
      </c>
      <c r="H16" s="11" t="s">
        <v>357</v>
      </c>
    </row>
    <row r="17" spans="1:8" ht="50.25" customHeight="1">
      <c r="A17" s="3"/>
      <c r="B17" s="16" t="s">
        <v>578</v>
      </c>
      <c r="C17" s="7" t="s">
        <v>4</v>
      </c>
      <c r="D17" s="10" t="s">
        <v>296</v>
      </c>
      <c r="E17" s="11" t="s">
        <v>359</v>
      </c>
      <c r="F17" s="11" t="s">
        <v>579</v>
      </c>
      <c r="G17" s="11" t="s">
        <v>580</v>
      </c>
      <c r="H17" s="11"/>
    </row>
    <row r="18" spans="1:8" ht="29.25" customHeight="1">
      <c r="A18" s="3"/>
      <c r="B18" s="17" t="s">
        <v>383</v>
      </c>
      <c r="C18" s="7" t="s">
        <v>3</v>
      </c>
      <c r="D18" s="25" t="s">
        <v>380</v>
      </c>
      <c r="E18" s="8" t="s">
        <v>384</v>
      </c>
      <c r="F18" s="8" t="s">
        <v>385</v>
      </c>
      <c r="G18" s="8" t="s">
        <v>386</v>
      </c>
      <c r="H18" s="8"/>
    </row>
    <row r="19" spans="1:8" ht="29.25" customHeight="1">
      <c r="A19" s="3"/>
      <c r="B19" s="17" t="s">
        <v>387</v>
      </c>
      <c r="C19" s="7" t="s">
        <v>4</v>
      </c>
      <c r="D19" s="25" t="s">
        <v>380</v>
      </c>
      <c r="E19" s="8" t="s">
        <v>384</v>
      </c>
      <c r="F19" s="8" t="s">
        <v>385</v>
      </c>
      <c r="G19" s="8" t="s">
        <v>528</v>
      </c>
      <c r="H19" s="8"/>
    </row>
    <row r="20" spans="1:8" ht="29.25" customHeight="1">
      <c r="A20" s="3"/>
      <c r="B20" s="17" t="s">
        <v>581</v>
      </c>
      <c r="C20" s="7" t="s">
        <v>4</v>
      </c>
      <c r="D20" s="25" t="s">
        <v>380</v>
      </c>
      <c r="E20" s="8" t="s">
        <v>582</v>
      </c>
      <c r="F20" s="8" t="s">
        <v>583</v>
      </c>
      <c r="G20" s="8" t="s">
        <v>584</v>
      </c>
      <c r="H20" s="8"/>
    </row>
    <row r="21" spans="1:8" ht="66">
      <c r="A21" s="3"/>
      <c r="B21" s="17" t="s">
        <v>388</v>
      </c>
      <c r="C21" s="7" t="s">
        <v>4</v>
      </c>
      <c r="D21" s="25" t="s">
        <v>380</v>
      </c>
      <c r="E21" s="8" t="s">
        <v>389</v>
      </c>
      <c r="F21" s="8" t="s">
        <v>86</v>
      </c>
      <c r="G21" s="8" t="s">
        <v>529</v>
      </c>
      <c r="H21" s="8"/>
    </row>
    <row r="22" spans="1:8" ht="39.6">
      <c r="A22" s="3"/>
      <c r="B22" s="17" t="s">
        <v>390</v>
      </c>
      <c r="C22" s="26" t="s">
        <v>4</v>
      </c>
      <c r="D22" s="25" t="s">
        <v>380</v>
      </c>
      <c r="E22" s="27" t="s">
        <v>391</v>
      </c>
      <c r="F22" s="27" t="s">
        <v>73</v>
      </c>
      <c r="G22" s="27" t="s">
        <v>530</v>
      </c>
      <c r="H22" s="8"/>
    </row>
    <row r="23" spans="1:8" ht="26.4">
      <c r="A23" s="3"/>
      <c r="B23" s="17" t="s">
        <v>392</v>
      </c>
      <c r="C23" s="7" t="s">
        <v>4</v>
      </c>
      <c r="D23" s="25" t="s">
        <v>380</v>
      </c>
      <c r="E23" s="8" t="s">
        <v>393</v>
      </c>
      <c r="F23" s="8" t="s">
        <v>394</v>
      </c>
      <c r="G23" s="8" t="s">
        <v>531</v>
      </c>
      <c r="H23" s="8"/>
    </row>
    <row r="24" spans="1:8" ht="26.4">
      <c r="A24" s="3"/>
      <c r="B24" s="28" t="s">
        <v>395</v>
      </c>
      <c r="C24" s="26" t="s">
        <v>4</v>
      </c>
      <c r="D24" s="25" t="s">
        <v>380</v>
      </c>
      <c r="E24" s="27" t="s">
        <v>396</v>
      </c>
      <c r="F24" s="27" t="s">
        <v>205</v>
      </c>
      <c r="G24" s="27" t="s">
        <v>397</v>
      </c>
      <c r="H24" s="27"/>
    </row>
    <row r="25" spans="1:8" ht="39.6">
      <c r="A25" s="3"/>
      <c r="B25" s="28" t="s">
        <v>398</v>
      </c>
      <c r="C25" s="26" t="s">
        <v>3</v>
      </c>
      <c r="D25" s="25" t="s">
        <v>380</v>
      </c>
      <c r="E25" s="27" t="s">
        <v>399</v>
      </c>
      <c r="F25" s="27" t="s">
        <v>400</v>
      </c>
      <c r="G25" s="27" t="s">
        <v>532</v>
      </c>
      <c r="H25" s="27"/>
    </row>
    <row r="26" spans="1:8" ht="52.8">
      <c r="A26" s="3"/>
      <c r="B26" s="28" t="s">
        <v>401</v>
      </c>
      <c r="C26" s="26" t="s">
        <v>3</v>
      </c>
      <c r="D26" s="25" t="s">
        <v>380</v>
      </c>
      <c r="E26" s="27" t="s">
        <v>402</v>
      </c>
      <c r="F26" s="27" t="s">
        <v>403</v>
      </c>
      <c r="G26" s="27" t="s">
        <v>533</v>
      </c>
      <c r="H26" s="27"/>
    </row>
    <row r="27" spans="1:8" ht="30" customHeight="1">
      <c r="A27" s="3"/>
      <c r="B27" s="28" t="s">
        <v>404</v>
      </c>
      <c r="C27" s="26" t="s">
        <v>4</v>
      </c>
      <c r="D27" s="25" t="s">
        <v>380</v>
      </c>
      <c r="E27" s="27" t="s">
        <v>405</v>
      </c>
      <c r="F27" s="27" t="s">
        <v>406</v>
      </c>
      <c r="G27" s="27" t="s">
        <v>534</v>
      </c>
      <c r="H27" s="27"/>
    </row>
    <row r="28" spans="1:8" ht="30" customHeight="1">
      <c r="A28" s="3"/>
      <c r="B28" s="28" t="s">
        <v>407</v>
      </c>
      <c r="C28" s="26" t="s">
        <v>3</v>
      </c>
      <c r="D28" s="25" t="s">
        <v>380</v>
      </c>
      <c r="E28" s="27" t="s">
        <v>408</v>
      </c>
      <c r="F28" s="27" t="s">
        <v>86</v>
      </c>
      <c r="G28" s="27" t="s">
        <v>535</v>
      </c>
      <c r="H28" s="27"/>
    </row>
    <row r="29" spans="1:8" ht="30" customHeight="1">
      <c r="A29" s="3"/>
      <c r="B29" s="29" t="s">
        <v>409</v>
      </c>
      <c r="C29" s="26" t="s">
        <v>4</v>
      </c>
      <c r="D29" s="25" t="s">
        <v>380</v>
      </c>
      <c r="E29" s="27" t="s">
        <v>410</v>
      </c>
      <c r="F29" s="27" t="s">
        <v>86</v>
      </c>
      <c r="G29" s="27" t="s">
        <v>536</v>
      </c>
      <c r="H29" s="27"/>
    </row>
    <row r="30" spans="1:8" ht="30" customHeight="1">
      <c r="A30" s="3"/>
      <c r="B30" s="13" t="s">
        <v>5</v>
      </c>
      <c r="C30" s="10" t="s">
        <v>4</v>
      </c>
      <c r="D30" s="10" t="s">
        <v>296</v>
      </c>
      <c r="E30" s="11" t="s">
        <v>19</v>
      </c>
      <c r="F30" s="11" t="s">
        <v>585</v>
      </c>
      <c r="G30" s="11" t="s">
        <v>119</v>
      </c>
      <c r="H30" s="11"/>
    </row>
    <row r="31" spans="1:8" ht="39.6">
      <c r="A31" s="3"/>
      <c r="B31" s="28" t="s">
        <v>411</v>
      </c>
      <c r="C31" s="26" t="s">
        <v>4</v>
      </c>
      <c r="D31" s="25" t="s">
        <v>380</v>
      </c>
      <c r="E31" s="27" t="s">
        <v>412</v>
      </c>
      <c r="F31" s="27" t="s">
        <v>413</v>
      </c>
      <c r="G31" s="27" t="s">
        <v>414</v>
      </c>
      <c r="H31" s="27"/>
    </row>
    <row r="32" spans="1:8" ht="29.25" customHeight="1">
      <c r="A32" s="3"/>
      <c r="B32" s="28" t="s">
        <v>415</v>
      </c>
      <c r="C32" s="26" t="s">
        <v>4</v>
      </c>
      <c r="D32" s="25" t="s">
        <v>380</v>
      </c>
      <c r="E32" s="27" t="s">
        <v>412</v>
      </c>
      <c r="F32" s="27" t="s">
        <v>416</v>
      </c>
      <c r="G32" s="27" t="s">
        <v>417</v>
      </c>
      <c r="H32" s="27"/>
    </row>
    <row r="33" spans="1:8" ht="39.6">
      <c r="A33" s="3"/>
      <c r="B33" s="28" t="s">
        <v>418</v>
      </c>
      <c r="C33" s="26" t="s">
        <v>4</v>
      </c>
      <c r="D33" s="25" t="s">
        <v>380</v>
      </c>
      <c r="E33" s="27" t="s">
        <v>419</v>
      </c>
      <c r="F33" s="27" t="s">
        <v>420</v>
      </c>
      <c r="G33" s="27" t="s">
        <v>537</v>
      </c>
      <c r="H33" s="27"/>
    </row>
    <row r="34" spans="1:8" ht="30.75" customHeight="1">
      <c r="A34" s="3"/>
      <c r="B34" s="28" t="s">
        <v>421</v>
      </c>
      <c r="C34" s="26" t="s">
        <v>3</v>
      </c>
      <c r="D34" s="25" t="s">
        <v>380</v>
      </c>
      <c r="E34" s="27" t="s">
        <v>422</v>
      </c>
      <c r="F34" s="27" t="s">
        <v>423</v>
      </c>
      <c r="G34" s="27" t="s">
        <v>538</v>
      </c>
      <c r="H34" s="27"/>
    </row>
    <row r="35" spans="1:8" ht="39.6">
      <c r="A35" s="3"/>
      <c r="B35" s="28" t="s">
        <v>424</v>
      </c>
      <c r="C35" s="26" t="s">
        <v>3</v>
      </c>
      <c r="D35" s="25" t="s">
        <v>380</v>
      </c>
      <c r="E35" s="27" t="s">
        <v>425</v>
      </c>
      <c r="F35" s="27" t="s">
        <v>426</v>
      </c>
      <c r="G35" s="27" t="s">
        <v>539</v>
      </c>
      <c r="H35" s="27" t="s">
        <v>427</v>
      </c>
    </row>
    <row r="36" spans="1:8" ht="26.4">
      <c r="A36" s="3"/>
      <c r="B36" s="28" t="s">
        <v>428</v>
      </c>
      <c r="C36" s="26" t="s">
        <v>3</v>
      </c>
      <c r="D36" s="25" t="s">
        <v>380</v>
      </c>
      <c r="E36" s="27" t="s">
        <v>429</v>
      </c>
      <c r="F36" s="27" t="s">
        <v>73</v>
      </c>
      <c r="G36" s="27" t="s">
        <v>540</v>
      </c>
      <c r="H36" s="27"/>
    </row>
    <row r="37" spans="1:8" ht="26.4">
      <c r="A37" s="3"/>
      <c r="B37" s="28" t="s">
        <v>430</v>
      </c>
      <c r="C37" s="26" t="s">
        <v>4</v>
      </c>
      <c r="D37" s="25" t="s">
        <v>380</v>
      </c>
      <c r="E37" s="27" t="s">
        <v>431</v>
      </c>
      <c r="F37" s="27" t="s">
        <v>432</v>
      </c>
      <c r="G37" s="27" t="s">
        <v>541</v>
      </c>
      <c r="H37" s="27" t="s">
        <v>433</v>
      </c>
    </row>
    <row r="38" spans="1:8" ht="30" customHeight="1">
      <c r="A38" s="3"/>
      <c r="B38" s="13" t="s">
        <v>6</v>
      </c>
      <c r="C38" s="10" t="s">
        <v>3</v>
      </c>
      <c r="D38" s="10" t="s">
        <v>296</v>
      </c>
      <c r="E38" s="11" t="s">
        <v>16</v>
      </c>
      <c r="F38" s="11" t="s">
        <v>585</v>
      </c>
      <c r="G38" s="11" t="s">
        <v>119</v>
      </c>
      <c r="H38" s="11"/>
    </row>
    <row r="39" spans="1:8" ht="30" customHeight="1">
      <c r="A39" s="3"/>
      <c r="B39" s="28" t="s">
        <v>434</v>
      </c>
      <c r="C39" s="26" t="s">
        <v>3</v>
      </c>
      <c r="D39" s="25" t="s">
        <v>380</v>
      </c>
      <c r="E39" s="27" t="s">
        <v>435</v>
      </c>
      <c r="F39" s="27" t="s">
        <v>420</v>
      </c>
      <c r="G39" s="27" t="s">
        <v>542</v>
      </c>
      <c r="H39" s="27"/>
    </row>
    <row r="40" spans="1:8" ht="30" customHeight="1">
      <c r="A40" s="3"/>
      <c r="B40" s="28" t="s">
        <v>436</v>
      </c>
      <c r="C40" s="26" t="s">
        <v>4</v>
      </c>
      <c r="D40" s="25" t="s">
        <v>380</v>
      </c>
      <c r="E40" s="27" t="s">
        <v>437</v>
      </c>
      <c r="F40" s="27" t="s">
        <v>438</v>
      </c>
      <c r="G40" s="27" t="s">
        <v>439</v>
      </c>
      <c r="H40" s="27"/>
    </row>
    <row r="41" spans="1:8" ht="66">
      <c r="A41" s="3"/>
      <c r="B41" s="28" t="s">
        <v>440</v>
      </c>
      <c r="C41" s="26" t="s">
        <v>4</v>
      </c>
      <c r="D41" s="25" t="s">
        <v>380</v>
      </c>
      <c r="E41" s="27" t="s">
        <v>441</v>
      </c>
      <c r="F41" s="27" t="s">
        <v>442</v>
      </c>
      <c r="G41" s="27" t="s">
        <v>543</v>
      </c>
      <c r="H41" s="27"/>
    </row>
    <row r="42" spans="1:8" ht="28.5" customHeight="1">
      <c r="A42" s="3"/>
      <c r="B42" s="28" t="s">
        <v>443</v>
      </c>
      <c r="C42" s="26" t="s">
        <v>4</v>
      </c>
      <c r="D42" s="25" t="s">
        <v>380</v>
      </c>
      <c r="E42" s="27" t="s">
        <v>444</v>
      </c>
      <c r="F42" s="27" t="s">
        <v>445</v>
      </c>
      <c r="G42" s="27" t="s">
        <v>544</v>
      </c>
      <c r="H42" s="27"/>
    </row>
    <row r="43" spans="1:8" ht="28.5" customHeight="1">
      <c r="A43" s="3"/>
      <c r="B43" s="28" t="s">
        <v>446</v>
      </c>
      <c r="C43" s="26" t="s">
        <v>4</v>
      </c>
      <c r="D43" s="25" t="s">
        <v>380</v>
      </c>
      <c r="E43" s="27" t="s">
        <v>447</v>
      </c>
      <c r="F43" s="27" t="s">
        <v>448</v>
      </c>
      <c r="G43" s="27" t="s">
        <v>545</v>
      </c>
      <c r="H43" s="27"/>
    </row>
    <row r="44" spans="1:8" ht="66">
      <c r="A44" s="3"/>
      <c r="B44" s="28" t="s">
        <v>449</v>
      </c>
      <c r="C44" s="26" t="s">
        <v>4</v>
      </c>
      <c r="D44" s="25" t="s">
        <v>380</v>
      </c>
      <c r="E44" s="27" t="s">
        <v>450</v>
      </c>
      <c r="F44" s="27" t="s">
        <v>451</v>
      </c>
      <c r="G44" s="27" t="s">
        <v>452</v>
      </c>
      <c r="H44" s="27"/>
    </row>
    <row r="45" spans="1:8" ht="52.8">
      <c r="A45" s="3"/>
      <c r="B45" s="28" t="s">
        <v>453</v>
      </c>
      <c r="C45" s="26" t="s">
        <v>3</v>
      </c>
      <c r="D45" s="25" t="s">
        <v>380</v>
      </c>
      <c r="E45" s="27" t="s">
        <v>454</v>
      </c>
      <c r="F45" s="27" t="s">
        <v>455</v>
      </c>
      <c r="G45" s="27" t="s">
        <v>546</v>
      </c>
      <c r="H45" s="27" t="s">
        <v>456</v>
      </c>
    </row>
    <row r="46" spans="1:8" ht="28.5" customHeight="1">
      <c r="A46" s="3"/>
      <c r="B46" s="28" t="s">
        <v>457</v>
      </c>
      <c r="C46" s="26" t="s">
        <v>4</v>
      </c>
      <c r="D46" s="25" t="s">
        <v>380</v>
      </c>
      <c r="E46" s="27" t="s">
        <v>458</v>
      </c>
      <c r="F46" s="27" t="s">
        <v>459</v>
      </c>
      <c r="G46" s="27" t="s">
        <v>547</v>
      </c>
      <c r="H46" s="27"/>
    </row>
    <row r="47" spans="1:8" ht="28.5" customHeight="1">
      <c r="A47" s="3"/>
      <c r="B47" s="30" t="s">
        <v>460</v>
      </c>
      <c r="C47" s="26" t="s">
        <v>4</v>
      </c>
      <c r="D47" s="25" t="s">
        <v>380</v>
      </c>
      <c r="E47" s="27" t="s">
        <v>461</v>
      </c>
      <c r="F47" s="27" t="s">
        <v>462</v>
      </c>
      <c r="G47" s="27" t="s">
        <v>548</v>
      </c>
      <c r="H47" s="27"/>
    </row>
    <row r="48" spans="1:8" ht="28.5" customHeight="1">
      <c r="A48" s="3"/>
      <c r="B48" s="28" t="s">
        <v>463</v>
      </c>
      <c r="C48" s="26" t="s">
        <v>4</v>
      </c>
      <c r="D48" s="25" t="s">
        <v>380</v>
      </c>
      <c r="E48" s="27" t="s">
        <v>464</v>
      </c>
      <c r="F48" s="27" t="s">
        <v>465</v>
      </c>
      <c r="G48" s="27" t="s">
        <v>549</v>
      </c>
      <c r="H48" s="27"/>
    </row>
    <row r="49" spans="1:8" ht="28.5" customHeight="1">
      <c r="A49" s="3"/>
      <c r="B49" s="28" t="s">
        <v>466</v>
      </c>
      <c r="C49" s="26" t="s">
        <v>4</v>
      </c>
      <c r="D49" s="25" t="s">
        <v>380</v>
      </c>
      <c r="E49" s="27" t="s">
        <v>467</v>
      </c>
      <c r="F49" s="27" t="s">
        <v>86</v>
      </c>
      <c r="G49" s="27" t="s">
        <v>550</v>
      </c>
      <c r="H49" s="27"/>
    </row>
    <row r="50" spans="1:8" ht="39.6">
      <c r="A50" s="3"/>
      <c r="B50" s="28" t="s">
        <v>468</v>
      </c>
      <c r="C50" s="26" t="s">
        <v>3</v>
      </c>
      <c r="D50" s="25" t="s">
        <v>380</v>
      </c>
      <c r="E50" s="27" t="s">
        <v>469</v>
      </c>
      <c r="F50" s="27" t="s">
        <v>470</v>
      </c>
      <c r="G50" s="27" t="s">
        <v>551</v>
      </c>
      <c r="H50" s="27"/>
    </row>
    <row r="51" spans="1:8" ht="39.6">
      <c r="A51" s="3"/>
      <c r="B51" s="28" t="s">
        <v>471</v>
      </c>
      <c r="C51" s="26" t="s">
        <v>3</v>
      </c>
      <c r="D51" s="25" t="s">
        <v>380</v>
      </c>
      <c r="E51" s="27" t="s">
        <v>472</v>
      </c>
      <c r="F51" s="27" t="s">
        <v>473</v>
      </c>
      <c r="G51" s="27" t="s">
        <v>474</v>
      </c>
      <c r="H51" s="27"/>
    </row>
    <row r="52" spans="1:8" ht="29.25" customHeight="1">
      <c r="A52" s="3"/>
      <c r="B52" s="28" t="s">
        <v>475</v>
      </c>
      <c r="C52" s="26" t="s">
        <v>4</v>
      </c>
      <c r="D52" s="25" t="s">
        <v>380</v>
      </c>
      <c r="E52" s="27" t="s">
        <v>476</v>
      </c>
      <c r="F52" s="27" t="s">
        <v>477</v>
      </c>
      <c r="G52" s="27" t="s">
        <v>552</v>
      </c>
      <c r="H52" s="27"/>
    </row>
    <row r="53" spans="1:8" ht="66">
      <c r="A53" s="3"/>
      <c r="B53" s="28" t="s">
        <v>478</v>
      </c>
      <c r="C53" s="26" t="s">
        <v>4</v>
      </c>
      <c r="D53" s="25" t="s">
        <v>380</v>
      </c>
      <c r="E53" s="27" t="s">
        <v>479</v>
      </c>
      <c r="F53" s="27" t="s">
        <v>480</v>
      </c>
      <c r="G53" s="27" t="s">
        <v>553</v>
      </c>
      <c r="H53" s="27" t="s">
        <v>481</v>
      </c>
    </row>
    <row r="54" spans="1:8" ht="28.5" customHeight="1">
      <c r="A54" s="3"/>
      <c r="B54" s="28" t="s">
        <v>482</v>
      </c>
      <c r="C54" s="26" t="s">
        <v>4</v>
      </c>
      <c r="D54" s="25" t="s">
        <v>380</v>
      </c>
      <c r="E54" s="27" t="s">
        <v>483</v>
      </c>
      <c r="F54" s="27" t="s">
        <v>484</v>
      </c>
      <c r="G54" s="27" t="s">
        <v>554</v>
      </c>
      <c r="H54" s="27"/>
    </row>
    <row r="55" spans="1:8" ht="28.5" customHeight="1">
      <c r="A55" s="3"/>
      <c r="B55" s="28" t="s">
        <v>485</v>
      </c>
      <c r="C55" s="26" t="s">
        <v>4</v>
      </c>
      <c r="D55" s="25" t="s">
        <v>380</v>
      </c>
      <c r="E55" s="27" t="s">
        <v>486</v>
      </c>
      <c r="F55" s="27" t="s">
        <v>487</v>
      </c>
      <c r="G55" s="27" t="s">
        <v>488</v>
      </c>
      <c r="H55" s="27" t="s">
        <v>489</v>
      </c>
    </row>
    <row r="56" spans="1:8" ht="28.5" customHeight="1">
      <c r="A56" s="3"/>
      <c r="B56" s="28" t="s">
        <v>490</v>
      </c>
      <c r="C56" s="26" t="s">
        <v>4</v>
      </c>
      <c r="D56" s="25" t="s">
        <v>380</v>
      </c>
      <c r="E56" s="27" t="s">
        <v>491</v>
      </c>
      <c r="F56" s="27" t="s">
        <v>420</v>
      </c>
      <c r="G56" s="27" t="s">
        <v>492</v>
      </c>
      <c r="H56" s="27" t="s">
        <v>493</v>
      </c>
    </row>
    <row r="57" spans="1:8" ht="28.5" customHeight="1">
      <c r="A57" s="3"/>
      <c r="B57" s="28" t="s">
        <v>494</v>
      </c>
      <c r="C57" s="26" t="s">
        <v>4</v>
      </c>
      <c r="D57" s="25" t="s">
        <v>380</v>
      </c>
      <c r="E57" s="27" t="s">
        <v>495</v>
      </c>
      <c r="F57" s="27" t="s">
        <v>496</v>
      </c>
      <c r="G57" s="27" t="s">
        <v>492</v>
      </c>
      <c r="H57" s="27" t="s">
        <v>493</v>
      </c>
    </row>
    <row r="58" spans="1:8" ht="28.5" customHeight="1">
      <c r="A58" s="3"/>
      <c r="B58" s="28" t="s">
        <v>497</v>
      </c>
      <c r="C58" s="26" t="s">
        <v>4</v>
      </c>
      <c r="D58" s="25" t="s">
        <v>380</v>
      </c>
      <c r="E58" s="27" t="s">
        <v>498</v>
      </c>
      <c r="F58" s="27" t="s">
        <v>499</v>
      </c>
      <c r="G58" s="27" t="s">
        <v>492</v>
      </c>
      <c r="H58" s="27" t="s">
        <v>493</v>
      </c>
    </row>
    <row r="59" spans="1:8" ht="28.5" customHeight="1">
      <c r="A59" s="3"/>
      <c r="B59" s="28" t="s">
        <v>500</v>
      </c>
      <c r="C59" s="26" t="s">
        <v>4</v>
      </c>
      <c r="D59" s="25" t="s">
        <v>380</v>
      </c>
      <c r="E59" s="27" t="s">
        <v>501</v>
      </c>
      <c r="F59" s="27" t="s">
        <v>502</v>
      </c>
      <c r="G59" s="27" t="s">
        <v>555</v>
      </c>
      <c r="H59" s="27" t="s">
        <v>503</v>
      </c>
    </row>
    <row r="60" spans="1:8" ht="28.5" customHeight="1">
      <c r="A60" s="3"/>
      <c r="B60" s="28" t="s">
        <v>504</v>
      </c>
      <c r="C60" s="26" t="s">
        <v>3</v>
      </c>
      <c r="D60" s="25" t="s">
        <v>380</v>
      </c>
      <c r="E60" s="27" t="s">
        <v>505</v>
      </c>
      <c r="F60" s="27" t="s">
        <v>506</v>
      </c>
      <c r="G60" s="27" t="s">
        <v>556</v>
      </c>
      <c r="H60" s="27"/>
    </row>
    <row r="61" spans="1:8" ht="28.5" customHeight="1">
      <c r="A61" s="3"/>
      <c r="B61" s="28" t="s">
        <v>507</v>
      </c>
      <c r="C61" s="26" t="s">
        <v>4</v>
      </c>
      <c r="D61" s="25" t="s">
        <v>380</v>
      </c>
      <c r="E61" s="27" t="s">
        <v>508</v>
      </c>
      <c r="F61" s="27" t="s">
        <v>420</v>
      </c>
      <c r="G61" s="27" t="s">
        <v>557</v>
      </c>
      <c r="H61" s="27"/>
    </row>
    <row r="62" spans="1:8" ht="83.4" customHeight="1">
      <c r="A62" s="3"/>
      <c r="B62" s="36" t="s">
        <v>586</v>
      </c>
      <c r="C62" s="37" t="s">
        <v>4</v>
      </c>
      <c r="D62" s="10" t="s">
        <v>301</v>
      </c>
      <c r="E62" s="49" t="s">
        <v>587</v>
      </c>
      <c r="F62" s="49" t="s">
        <v>689</v>
      </c>
      <c r="G62" s="50" t="s">
        <v>690</v>
      </c>
      <c r="H62" s="49" t="s">
        <v>691</v>
      </c>
    </row>
    <row r="63" spans="1:8" ht="34.5" customHeight="1">
      <c r="A63" s="3"/>
      <c r="B63" s="18" t="s">
        <v>588</v>
      </c>
      <c r="C63" s="37" t="s">
        <v>4</v>
      </c>
      <c r="D63" s="10" t="s">
        <v>301</v>
      </c>
      <c r="E63" s="38" t="s">
        <v>589</v>
      </c>
      <c r="F63" s="33" t="s">
        <v>196</v>
      </c>
      <c r="G63" s="33" t="s">
        <v>590</v>
      </c>
      <c r="H63" s="33"/>
    </row>
    <row r="64" spans="1:8" ht="43.5" customHeight="1">
      <c r="A64" s="3"/>
      <c r="B64" s="36" t="s">
        <v>591</v>
      </c>
      <c r="C64" s="37" t="s">
        <v>4</v>
      </c>
      <c r="D64" s="10" t="s">
        <v>301</v>
      </c>
      <c r="E64" s="33" t="s">
        <v>592</v>
      </c>
      <c r="F64" s="33" t="s">
        <v>499</v>
      </c>
      <c r="G64" s="33" t="s">
        <v>593</v>
      </c>
      <c r="H64" s="33" t="s">
        <v>594</v>
      </c>
    </row>
    <row r="65" spans="1:8" ht="34.5" customHeight="1">
      <c r="A65" s="3"/>
      <c r="B65" s="36" t="s">
        <v>595</v>
      </c>
      <c r="C65" s="37" t="s">
        <v>4</v>
      </c>
      <c r="D65" s="10" t="s">
        <v>301</v>
      </c>
      <c r="E65" s="33" t="s">
        <v>596</v>
      </c>
      <c r="F65" s="33" t="s">
        <v>597</v>
      </c>
      <c r="G65" s="33" t="s">
        <v>593</v>
      </c>
      <c r="H65" s="33"/>
    </row>
    <row r="66" spans="1:8" ht="34.5" customHeight="1">
      <c r="A66" s="3"/>
      <c r="B66" s="36" t="s">
        <v>598</v>
      </c>
      <c r="C66" s="37" t="s">
        <v>4</v>
      </c>
      <c r="D66" s="10" t="s">
        <v>301</v>
      </c>
      <c r="E66" s="33" t="s">
        <v>599</v>
      </c>
      <c r="F66" s="33" t="s">
        <v>420</v>
      </c>
      <c r="G66" s="33" t="s">
        <v>593</v>
      </c>
      <c r="H66" s="33"/>
    </row>
    <row r="67" spans="1:8" ht="29.25" customHeight="1">
      <c r="A67" s="3"/>
      <c r="B67" s="13" t="s">
        <v>169</v>
      </c>
      <c r="C67" s="10" t="s">
        <v>4</v>
      </c>
      <c r="D67" s="10" t="s">
        <v>301</v>
      </c>
      <c r="E67" s="11" t="s">
        <v>298</v>
      </c>
      <c r="F67" s="11" t="s">
        <v>86</v>
      </c>
      <c r="G67" s="11" t="s">
        <v>327</v>
      </c>
      <c r="H67" s="11"/>
    </row>
    <row r="68" spans="1:8" ht="29.25" customHeight="1">
      <c r="A68" s="3"/>
      <c r="B68" s="13" t="s">
        <v>170</v>
      </c>
      <c r="C68" s="10" t="s">
        <v>4</v>
      </c>
      <c r="D68" s="10" t="s">
        <v>301</v>
      </c>
      <c r="E68" s="11" t="s">
        <v>233</v>
      </c>
      <c r="F68" s="11" t="s">
        <v>171</v>
      </c>
      <c r="G68" s="11" t="s">
        <v>15</v>
      </c>
      <c r="H68" s="11"/>
    </row>
    <row r="69" spans="1:8" ht="29.25" customHeight="1">
      <c r="A69" s="3"/>
      <c r="B69" s="13" t="s">
        <v>173</v>
      </c>
      <c r="C69" s="10" t="s">
        <v>4</v>
      </c>
      <c r="D69" s="10" t="s">
        <v>301</v>
      </c>
      <c r="E69" s="11" t="s">
        <v>228</v>
      </c>
      <c r="F69" s="11" t="s">
        <v>174</v>
      </c>
      <c r="G69" s="11" t="s">
        <v>345</v>
      </c>
      <c r="H69" s="11"/>
    </row>
    <row r="70" spans="1:8" ht="34.5" customHeight="1">
      <c r="A70" s="3"/>
      <c r="B70" s="38" t="s">
        <v>600</v>
      </c>
      <c r="C70" s="37" t="s">
        <v>4</v>
      </c>
      <c r="D70" s="10" t="s">
        <v>301</v>
      </c>
      <c r="E70" s="38" t="s">
        <v>601</v>
      </c>
      <c r="F70" s="39" t="s">
        <v>191</v>
      </c>
      <c r="G70" s="39" t="s">
        <v>602</v>
      </c>
      <c r="H70" s="39"/>
    </row>
    <row r="71" spans="1:8" ht="29.25" customHeight="1">
      <c r="A71" s="3"/>
      <c r="B71" s="13" t="s">
        <v>7</v>
      </c>
      <c r="C71" s="10" t="s">
        <v>4</v>
      </c>
      <c r="D71" s="10" t="s">
        <v>301</v>
      </c>
      <c r="E71" s="11" t="s">
        <v>234</v>
      </c>
      <c r="F71" s="11" t="s">
        <v>585</v>
      </c>
      <c r="G71" s="11" t="s">
        <v>15</v>
      </c>
      <c r="H71" s="11"/>
    </row>
    <row r="72" spans="1:8" ht="29.25" customHeight="1">
      <c r="A72" s="3"/>
      <c r="B72" s="13" t="s">
        <v>172</v>
      </c>
      <c r="C72" s="10" t="s">
        <v>4</v>
      </c>
      <c r="D72" s="10" t="s">
        <v>301</v>
      </c>
      <c r="E72" s="11" t="s">
        <v>252</v>
      </c>
      <c r="F72" s="11" t="s">
        <v>603</v>
      </c>
      <c r="G72" s="11" t="s">
        <v>328</v>
      </c>
      <c r="H72" s="11" t="s">
        <v>685</v>
      </c>
    </row>
    <row r="73" spans="1:8" ht="39.6">
      <c r="A73" s="3"/>
      <c r="B73" s="13" t="s">
        <v>187</v>
      </c>
      <c r="C73" s="10" t="s">
        <v>3</v>
      </c>
      <c r="D73" s="10" t="s">
        <v>301</v>
      </c>
      <c r="E73" s="11" t="s">
        <v>253</v>
      </c>
      <c r="F73" s="11" t="s">
        <v>188</v>
      </c>
      <c r="G73" s="11" t="s">
        <v>189</v>
      </c>
      <c r="H73" s="11"/>
    </row>
    <row r="74" spans="1:8" s="40" customFormat="1" ht="93">
      <c r="B74" s="13" t="s">
        <v>558</v>
      </c>
      <c r="C74" s="10" t="s">
        <v>4</v>
      </c>
      <c r="D74" s="10" t="s">
        <v>301</v>
      </c>
      <c r="E74" s="11" t="s">
        <v>559</v>
      </c>
      <c r="F74" s="11" t="s">
        <v>560</v>
      </c>
      <c r="G74" s="11" t="s">
        <v>561</v>
      </c>
      <c r="H74" s="41" t="s">
        <v>687</v>
      </c>
    </row>
    <row r="75" spans="1:8" ht="29.25" customHeight="1">
      <c r="A75" s="3"/>
      <c r="B75" s="13" t="s">
        <v>8</v>
      </c>
      <c r="C75" s="10" t="s">
        <v>3</v>
      </c>
      <c r="D75" s="10" t="s">
        <v>301</v>
      </c>
      <c r="E75" s="11" t="s">
        <v>235</v>
      </c>
      <c r="F75" s="11" t="s">
        <v>585</v>
      </c>
      <c r="G75" s="11" t="s">
        <v>15</v>
      </c>
      <c r="H75" s="11"/>
    </row>
    <row r="76" spans="1:8" ht="29.25" customHeight="1">
      <c r="A76" s="3"/>
      <c r="B76" s="13" t="s">
        <v>175</v>
      </c>
      <c r="C76" s="10" t="s">
        <v>4</v>
      </c>
      <c r="D76" s="10" t="s">
        <v>301</v>
      </c>
      <c r="E76" s="11" t="s">
        <v>176</v>
      </c>
      <c r="F76" s="11" t="s">
        <v>177</v>
      </c>
      <c r="G76" s="11" t="s">
        <v>263</v>
      </c>
      <c r="H76" s="11"/>
    </row>
    <row r="77" spans="1:8" ht="34.5" customHeight="1">
      <c r="A77" s="3"/>
      <c r="B77" s="36" t="s">
        <v>604</v>
      </c>
      <c r="C77" s="37" t="s">
        <v>4</v>
      </c>
      <c r="D77" s="10" t="s">
        <v>301</v>
      </c>
      <c r="E77" s="33" t="s">
        <v>605</v>
      </c>
      <c r="F77" s="33" t="s">
        <v>86</v>
      </c>
      <c r="G77" s="33" t="s">
        <v>686</v>
      </c>
      <c r="H77" s="33" t="s">
        <v>606</v>
      </c>
    </row>
    <row r="78" spans="1:8" ht="171.6">
      <c r="A78" s="3"/>
      <c r="B78" s="13" t="s">
        <v>200</v>
      </c>
      <c r="C78" s="10" t="s">
        <v>4</v>
      </c>
      <c r="D78" s="10" t="s">
        <v>301</v>
      </c>
      <c r="E78" s="11" t="s">
        <v>378</v>
      </c>
      <c r="F78" s="11" t="s">
        <v>201</v>
      </c>
      <c r="G78" s="11" t="s">
        <v>289</v>
      </c>
      <c r="H78" s="11" t="s">
        <v>202</v>
      </c>
    </row>
    <row r="79" spans="1:8" ht="29.25" customHeight="1">
      <c r="A79" s="3"/>
      <c r="B79" s="13" t="s">
        <v>185</v>
      </c>
      <c r="C79" s="10" t="s">
        <v>3</v>
      </c>
      <c r="D79" s="10" t="s">
        <v>301</v>
      </c>
      <c r="E79" s="11" t="s">
        <v>218</v>
      </c>
      <c r="F79" s="11" t="s">
        <v>186</v>
      </c>
      <c r="G79" s="11" t="s">
        <v>262</v>
      </c>
      <c r="H79" s="11"/>
    </row>
    <row r="80" spans="1:8" ht="105.6">
      <c r="A80" s="3"/>
      <c r="B80" s="13" t="s">
        <v>562</v>
      </c>
      <c r="C80" s="10" t="s">
        <v>4</v>
      </c>
      <c r="D80" s="10" t="s">
        <v>301</v>
      </c>
      <c r="E80" s="11" t="s">
        <v>563</v>
      </c>
      <c r="F80" s="11" t="s">
        <v>564</v>
      </c>
      <c r="G80" s="11" t="s">
        <v>565</v>
      </c>
      <c r="H80" s="11" t="s">
        <v>566</v>
      </c>
    </row>
    <row r="81" spans="1:8" ht="29.25" customHeight="1">
      <c r="A81" s="3"/>
      <c r="B81" s="13" t="s">
        <v>198</v>
      </c>
      <c r="C81" s="10" t="s">
        <v>4</v>
      </c>
      <c r="D81" s="10" t="s">
        <v>301</v>
      </c>
      <c r="E81" s="11" t="s">
        <v>219</v>
      </c>
      <c r="F81" s="11" t="s">
        <v>199</v>
      </c>
      <c r="G81" s="11" t="s">
        <v>330</v>
      </c>
      <c r="H81" s="11"/>
    </row>
    <row r="82" spans="1:8" ht="29.25" customHeight="1">
      <c r="A82" s="3"/>
      <c r="B82" s="13" t="s">
        <v>203</v>
      </c>
      <c r="C82" s="10" t="s">
        <v>3</v>
      </c>
      <c r="D82" s="10" t="s">
        <v>301</v>
      </c>
      <c r="E82" s="11" t="s">
        <v>204</v>
      </c>
      <c r="F82" s="11" t="s">
        <v>205</v>
      </c>
      <c r="G82" s="11" t="s">
        <v>206</v>
      </c>
      <c r="H82" s="11"/>
    </row>
    <row r="83" spans="1:8" ht="34.5" customHeight="1">
      <c r="A83" s="3"/>
      <c r="B83" s="38" t="s">
        <v>607</v>
      </c>
      <c r="C83" s="37" t="s">
        <v>4</v>
      </c>
      <c r="D83" s="10" t="s">
        <v>301</v>
      </c>
      <c r="E83" s="33" t="s">
        <v>608</v>
      </c>
      <c r="F83" s="33" t="s">
        <v>205</v>
      </c>
      <c r="G83" s="33" t="s">
        <v>143</v>
      </c>
      <c r="H83" s="33"/>
    </row>
    <row r="84" spans="1:8" ht="29.25" customHeight="1">
      <c r="A84" s="3"/>
      <c r="B84" s="13" t="s">
        <v>179</v>
      </c>
      <c r="C84" s="10" t="s">
        <v>3</v>
      </c>
      <c r="D84" s="10" t="s">
        <v>301</v>
      </c>
      <c r="E84" s="11" t="s">
        <v>217</v>
      </c>
      <c r="F84" s="11" t="s">
        <v>180</v>
      </c>
      <c r="G84" s="11" t="s">
        <v>181</v>
      </c>
      <c r="H84" s="11"/>
    </row>
    <row r="85" spans="1:8" ht="29.25" customHeight="1">
      <c r="A85" s="3"/>
      <c r="B85" s="36" t="s">
        <v>609</v>
      </c>
      <c r="C85" s="37" t="s">
        <v>4</v>
      </c>
      <c r="D85" s="10" t="s">
        <v>301</v>
      </c>
      <c r="E85" s="33" t="s">
        <v>610</v>
      </c>
      <c r="F85" s="33" t="s">
        <v>611</v>
      </c>
      <c r="G85" s="33" t="s">
        <v>612</v>
      </c>
      <c r="H85" s="33"/>
    </row>
    <row r="86" spans="1:8" ht="29.25" customHeight="1">
      <c r="A86" s="3"/>
      <c r="B86" s="36" t="s">
        <v>613</v>
      </c>
      <c r="C86" s="37" t="s">
        <v>4</v>
      </c>
      <c r="D86" s="10" t="s">
        <v>301</v>
      </c>
      <c r="E86" s="33" t="s">
        <v>614</v>
      </c>
      <c r="F86" s="33" t="s">
        <v>615</v>
      </c>
      <c r="G86" s="33" t="s">
        <v>616</v>
      </c>
      <c r="H86" s="33"/>
    </row>
    <row r="87" spans="1:8" ht="29.25" customHeight="1">
      <c r="A87" s="3"/>
      <c r="B87" s="13" t="s">
        <v>182</v>
      </c>
      <c r="C87" s="10" t="s">
        <v>3</v>
      </c>
      <c r="D87" s="10" t="s">
        <v>301</v>
      </c>
      <c r="E87" s="11" t="s">
        <v>183</v>
      </c>
      <c r="F87" s="11" t="s">
        <v>184</v>
      </c>
      <c r="G87" s="11" t="s">
        <v>287</v>
      </c>
      <c r="H87" s="11" t="s">
        <v>567</v>
      </c>
    </row>
    <row r="88" spans="1:8" ht="52.8">
      <c r="A88" s="3"/>
      <c r="B88" s="13" t="s">
        <v>190</v>
      </c>
      <c r="C88" s="10" t="s">
        <v>3</v>
      </c>
      <c r="D88" s="10" t="s">
        <v>301</v>
      </c>
      <c r="E88" s="11" t="s">
        <v>239</v>
      </c>
      <c r="F88" s="33" t="s">
        <v>617</v>
      </c>
      <c r="G88" s="11" t="s">
        <v>288</v>
      </c>
      <c r="H88" s="11"/>
    </row>
    <row r="89" spans="1:8" ht="52.8">
      <c r="A89" s="3"/>
      <c r="B89" s="13" t="s">
        <v>192</v>
      </c>
      <c r="C89" s="10" t="s">
        <v>4</v>
      </c>
      <c r="D89" s="10" t="s">
        <v>301</v>
      </c>
      <c r="E89" s="11" t="s">
        <v>193</v>
      </c>
      <c r="F89" s="11" t="s">
        <v>194</v>
      </c>
      <c r="G89" s="11" t="s">
        <v>329</v>
      </c>
      <c r="H89" s="11"/>
    </row>
    <row r="90" spans="1:8" ht="29.25" customHeight="1">
      <c r="A90" s="3"/>
      <c r="B90" s="13" t="s">
        <v>207</v>
      </c>
      <c r="C90" s="10" t="s">
        <v>4</v>
      </c>
      <c r="D90" s="10" t="s">
        <v>301</v>
      </c>
      <c r="E90" s="11" t="s">
        <v>208</v>
      </c>
      <c r="F90" s="11" t="s">
        <v>209</v>
      </c>
      <c r="G90" s="11" t="s">
        <v>290</v>
      </c>
      <c r="H90" s="11"/>
    </row>
    <row r="91" spans="1:8" ht="34.5" customHeight="1">
      <c r="A91" s="3"/>
      <c r="B91" s="36" t="s">
        <v>618</v>
      </c>
      <c r="C91" s="37" t="s">
        <v>4</v>
      </c>
      <c r="D91" s="10" t="s">
        <v>301</v>
      </c>
      <c r="E91" s="33" t="s">
        <v>619</v>
      </c>
      <c r="F91" s="33" t="s">
        <v>620</v>
      </c>
      <c r="G91" s="33" t="s">
        <v>621</v>
      </c>
      <c r="H91" s="33"/>
    </row>
    <row r="92" spans="1:8" ht="29.25" customHeight="1">
      <c r="A92" s="3"/>
      <c r="B92" s="13" t="s">
        <v>195</v>
      </c>
      <c r="C92" s="10" t="s">
        <v>4</v>
      </c>
      <c r="D92" s="10" t="s">
        <v>301</v>
      </c>
      <c r="E92" s="11" t="s">
        <v>240</v>
      </c>
      <c r="F92" s="11" t="s">
        <v>196</v>
      </c>
      <c r="G92" s="11" t="s">
        <v>265</v>
      </c>
      <c r="H92" s="11" t="s">
        <v>197</v>
      </c>
    </row>
    <row r="93" spans="1:8" ht="34.5" customHeight="1">
      <c r="A93" s="3"/>
      <c r="B93" s="42" t="s">
        <v>622</v>
      </c>
      <c r="C93" s="43" t="s">
        <v>4</v>
      </c>
      <c r="D93" s="10" t="s">
        <v>301</v>
      </c>
      <c r="E93" s="44" t="s">
        <v>623</v>
      </c>
      <c r="F93" s="45" t="s">
        <v>205</v>
      </c>
      <c r="G93" s="44" t="s">
        <v>624</v>
      </c>
      <c r="H93" s="46" t="s">
        <v>625</v>
      </c>
    </row>
    <row r="94" spans="1:8" ht="29.25" customHeight="1">
      <c r="A94" s="3"/>
      <c r="B94" s="13" t="s">
        <v>10</v>
      </c>
      <c r="C94" s="10" t="s">
        <v>4</v>
      </c>
      <c r="D94" s="10" t="s">
        <v>302</v>
      </c>
      <c r="E94" s="11" t="s">
        <v>227</v>
      </c>
      <c r="F94" s="11" t="s">
        <v>585</v>
      </c>
      <c r="G94" s="11" t="s">
        <v>15</v>
      </c>
      <c r="H94" s="11"/>
    </row>
    <row r="95" spans="1:8" ht="29.25" customHeight="1">
      <c r="A95" s="3"/>
      <c r="B95" s="13" t="s">
        <v>9</v>
      </c>
      <c r="C95" s="10" t="s">
        <v>4</v>
      </c>
      <c r="D95" s="10" t="s">
        <v>302</v>
      </c>
      <c r="E95" s="11" t="s">
        <v>17</v>
      </c>
      <c r="F95" s="11" t="s">
        <v>585</v>
      </c>
      <c r="G95" s="11" t="s">
        <v>15</v>
      </c>
      <c r="H95" s="11"/>
    </row>
    <row r="96" spans="1:8" ht="29.25" customHeight="1">
      <c r="A96" s="3"/>
      <c r="B96" s="13" t="s">
        <v>626</v>
      </c>
      <c r="C96" s="10" t="s">
        <v>4</v>
      </c>
      <c r="D96" s="10" t="s">
        <v>302</v>
      </c>
      <c r="E96" s="11" t="s">
        <v>627</v>
      </c>
      <c r="F96" s="11" t="s">
        <v>628</v>
      </c>
      <c r="G96" s="11" t="s">
        <v>629</v>
      </c>
      <c r="H96" s="11"/>
    </row>
    <row r="97" spans="1:8" ht="29.25" customHeight="1">
      <c r="A97" s="3"/>
      <c r="B97" s="13" t="s">
        <v>27</v>
      </c>
      <c r="C97" s="10" t="s">
        <v>4</v>
      </c>
      <c r="D97" s="10" t="s">
        <v>302</v>
      </c>
      <c r="E97" s="11" t="s">
        <v>255</v>
      </c>
      <c r="F97" s="11" t="s">
        <v>28</v>
      </c>
      <c r="G97" s="11" t="s">
        <v>29</v>
      </c>
      <c r="H97" s="11"/>
    </row>
    <row r="98" spans="1:8" ht="34.5" customHeight="1">
      <c r="A98" s="3"/>
      <c r="B98" s="13" t="s">
        <v>630</v>
      </c>
      <c r="C98" s="10" t="s">
        <v>4</v>
      </c>
      <c r="D98" s="10" t="s">
        <v>302</v>
      </c>
      <c r="E98" s="11" t="s">
        <v>631</v>
      </c>
      <c r="F98" s="11" t="s">
        <v>632</v>
      </c>
      <c r="G98" s="11" t="s">
        <v>633</v>
      </c>
      <c r="H98" s="11"/>
    </row>
    <row r="99" spans="1:8" ht="52.8">
      <c r="A99" s="3"/>
      <c r="B99" s="13" t="s">
        <v>30</v>
      </c>
      <c r="C99" s="10" t="s">
        <v>4</v>
      </c>
      <c r="D99" s="10" t="s">
        <v>302</v>
      </c>
      <c r="E99" s="11" t="s">
        <v>241</v>
      </c>
      <c r="F99" s="11" t="s">
        <v>31</v>
      </c>
      <c r="G99" s="11" t="s">
        <v>266</v>
      </c>
      <c r="H99" s="11"/>
    </row>
    <row r="100" spans="1:8" ht="29.25" customHeight="1">
      <c r="A100" s="3"/>
      <c r="B100" s="13" t="s">
        <v>32</v>
      </c>
      <c r="C100" s="10" t="s">
        <v>4</v>
      </c>
      <c r="D100" s="10" t="s">
        <v>302</v>
      </c>
      <c r="E100" s="11" t="s">
        <v>242</v>
      </c>
      <c r="F100" s="11" t="s">
        <v>33</v>
      </c>
      <c r="G100" s="11" t="s">
        <v>34</v>
      </c>
      <c r="H100" s="11"/>
    </row>
    <row r="101" spans="1:8" ht="29.25" customHeight="1">
      <c r="A101" s="3"/>
      <c r="B101" s="13" t="s">
        <v>35</v>
      </c>
      <c r="C101" s="10" t="s">
        <v>4</v>
      </c>
      <c r="D101" s="10" t="s">
        <v>302</v>
      </c>
      <c r="E101" s="11" t="s">
        <v>256</v>
      </c>
      <c r="F101" s="11" t="s">
        <v>36</v>
      </c>
      <c r="G101" s="11" t="s">
        <v>268</v>
      </c>
      <c r="H101" s="11"/>
    </row>
    <row r="102" spans="1:8" ht="29.25" customHeight="1">
      <c r="A102" s="3"/>
      <c r="B102" s="13" t="s">
        <v>37</v>
      </c>
      <c r="C102" s="10" t="s">
        <v>4</v>
      </c>
      <c r="D102" s="10" t="s">
        <v>302</v>
      </c>
      <c r="E102" s="11" t="s">
        <v>243</v>
      </c>
      <c r="F102" s="11" t="s">
        <v>38</v>
      </c>
      <c r="G102" s="11" t="s">
        <v>39</v>
      </c>
      <c r="H102" s="11"/>
    </row>
    <row r="103" spans="1:8" ht="26.4">
      <c r="A103" s="3"/>
      <c r="B103" s="36" t="s">
        <v>634</v>
      </c>
      <c r="C103" s="37" t="s">
        <v>4</v>
      </c>
      <c r="D103" s="10" t="s">
        <v>306</v>
      </c>
      <c r="E103" s="32" t="s">
        <v>635</v>
      </c>
      <c r="F103" s="32" t="s">
        <v>636</v>
      </c>
      <c r="G103" s="32" t="s">
        <v>637</v>
      </c>
      <c r="H103" s="32"/>
    </row>
    <row r="104" spans="1:8" ht="26.4">
      <c r="A104" s="3"/>
      <c r="B104" s="36" t="s">
        <v>638</v>
      </c>
      <c r="C104" s="37" t="s">
        <v>4</v>
      </c>
      <c r="D104" s="10" t="s">
        <v>306</v>
      </c>
      <c r="E104" s="32" t="s">
        <v>635</v>
      </c>
      <c r="F104" s="32" t="s">
        <v>639</v>
      </c>
      <c r="G104" s="32" t="s">
        <v>637</v>
      </c>
      <c r="H104" s="32"/>
    </row>
    <row r="105" spans="1:8" ht="29.25" customHeight="1">
      <c r="A105" s="3"/>
      <c r="B105" s="13" t="s">
        <v>23</v>
      </c>
      <c r="C105" s="10" t="s">
        <v>4</v>
      </c>
      <c r="D105" s="10" t="s">
        <v>306</v>
      </c>
      <c r="E105" s="11" t="s">
        <v>24</v>
      </c>
      <c r="F105" s="11" t="s">
        <v>25</v>
      </c>
      <c r="G105" s="11" t="s">
        <v>267</v>
      </c>
      <c r="H105" s="20"/>
    </row>
    <row r="106" spans="1:8" ht="29.25" customHeight="1">
      <c r="A106" s="3"/>
      <c r="B106" s="13" t="s">
        <v>94</v>
      </c>
      <c r="C106" s="10" t="s">
        <v>4</v>
      </c>
      <c r="D106" s="10" t="s">
        <v>310</v>
      </c>
      <c r="E106" s="47" t="s">
        <v>211</v>
      </c>
      <c r="F106" s="11" t="s">
        <v>260</v>
      </c>
      <c r="G106" s="11" t="s">
        <v>292</v>
      </c>
      <c r="H106" s="11" t="s">
        <v>95</v>
      </c>
    </row>
    <row r="107" spans="1:8" ht="39.6">
      <c r="A107" s="3"/>
      <c r="B107" s="13" t="s">
        <v>96</v>
      </c>
      <c r="C107" s="10" t="s">
        <v>3</v>
      </c>
      <c r="D107" s="10" t="s">
        <v>310</v>
      </c>
      <c r="E107" s="47" t="s">
        <v>212</v>
      </c>
      <c r="F107" s="11" t="s">
        <v>97</v>
      </c>
      <c r="G107" s="11" t="s">
        <v>293</v>
      </c>
      <c r="H107" s="11"/>
    </row>
    <row r="108" spans="1:8" ht="29.25" customHeight="1">
      <c r="A108" s="3"/>
      <c r="B108" s="13" t="s">
        <v>98</v>
      </c>
      <c r="C108" s="10" t="s">
        <v>3</v>
      </c>
      <c r="D108" s="10" t="s">
        <v>310</v>
      </c>
      <c r="E108" s="47" t="s">
        <v>213</v>
      </c>
      <c r="F108" s="11" t="s">
        <v>99</v>
      </c>
      <c r="G108" s="11" t="s">
        <v>275</v>
      </c>
      <c r="H108" s="11"/>
    </row>
    <row r="109" spans="1:8" ht="29.25" customHeight="1">
      <c r="A109" s="3"/>
      <c r="B109" s="13" t="s">
        <v>40</v>
      </c>
      <c r="C109" s="10" t="s">
        <v>4</v>
      </c>
      <c r="D109" s="10" t="s">
        <v>307</v>
      </c>
      <c r="E109" s="11" t="s">
        <v>225</v>
      </c>
      <c r="F109" s="11" t="s">
        <v>41</v>
      </c>
      <c r="G109" s="11" t="s">
        <v>42</v>
      </c>
      <c r="H109" s="11"/>
    </row>
    <row r="110" spans="1:8" ht="29.25" customHeight="1">
      <c r="A110" s="3"/>
      <c r="B110" s="13" t="s">
        <v>100</v>
      </c>
      <c r="C110" s="10" t="s">
        <v>4</v>
      </c>
      <c r="D110" s="10" t="s">
        <v>307</v>
      </c>
      <c r="E110" s="11" t="s">
        <v>226</v>
      </c>
      <c r="F110" s="11" t="s">
        <v>101</v>
      </c>
      <c r="G110" s="11" t="s">
        <v>276</v>
      </c>
      <c r="H110" s="11"/>
    </row>
    <row r="111" spans="1:8" ht="29.25" customHeight="1">
      <c r="A111" s="3"/>
      <c r="B111" s="13" t="s">
        <v>20</v>
      </c>
      <c r="C111" s="10" t="s">
        <v>4</v>
      </c>
      <c r="D111" s="10" t="s">
        <v>297</v>
      </c>
      <c r="E111" s="11" t="s">
        <v>21</v>
      </c>
      <c r="F111" s="11" t="s">
        <v>22</v>
      </c>
      <c r="G111" s="11" t="s">
        <v>267</v>
      </c>
      <c r="H111" s="20"/>
    </row>
    <row r="112" spans="1:8" ht="29.25" customHeight="1">
      <c r="A112" s="3"/>
      <c r="B112" s="13" t="s">
        <v>141</v>
      </c>
      <c r="C112" s="10" t="s">
        <v>3</v>
      </c>
      <c r="D112" s="10" t="s">
        <v>297</v>
      </c>
      <c r="E112" s="11" t="s">
        <v>248</v>
      </c>
      <c r="F112" s="11" t="s">
        <v>142</v>
      </c>
      <c r="G112" s="11" t="s">
        <v>143</v>
      </c>
      <c r="H112" s="11"/>
    </row>
    <row r="113" spans="1:8" ht="66">
      <c r="A113" s="3"/>
      <c r="B113" s="13" t="s">
        <v>144</v>
      </c>
      <c r="C113" s="10" t="s">
        <v>3</v>
      </c>
      <c r="D113" s="10" t="s">
        <v>297</v>
      </c>
      <c r="E113" s="11" t="s">
        <v>249</v>
      </c>
      <c r="F113" s="11" t="s">
        <v>145</v>
      </c>
      <c r="G113" s="11" t="s">
        <v>283</v>
      </c>
      <c r="H113" s="11" t="s">
        <v>146</v>
      </c>
    </row>
    <row r="114" spans="1:8" ht="29.25" customHeight="1">
      <c r="A114" s="3"/>
      <c r="B114" s="13" t="s">
        <v>14</v>
      </c>
      <c r="C114" s="10" t="s">
        <v>4</v>
      </c>
      <c r="D114" s="10" t="s">
        <v>305</v>
      </c>
      <c r="E114" s="11" t="s">
        <v>254</v>
      </c>
      <c r="F114" s="11" t="s">
        <v>585</v>
      </c>
      <c r="G114" s="11" t="s">
        <v>15</v>
      </c>
      <c r="H114" s="11"/>
    </row>
    <row r="115" spans="1:8" ht="29.25" customHeight="1">
      <c r="A115" s="3"/>
      <c r="B115" s="13" t="s">
        <v>640</v>
      </c>
      <c r="C115" s="10" t="s">
        <v>3</v>
      </c>
      <c r="D115" s="10" t="s">
        <v>305</v>
      </c>
      <c r="E115" s="11" t="s">
        <v>641</v>
      </c>
      <c r="F115" s="11" t="s">
        <v>642</v>
      </c>
      <c r="G115" s="11" t="s">
        <v>643</v>
      </c>
      <c r="H115" s="11"/>
    </row>
    <row r="116" spans="1:8" ht="29.25" customHeight="1">
      <c r="A116" s="3"/>
      <c r="B116" s="13" t="s">
        <v>155</v>
      </c>
      <c r="C116" s="10" t="s">
        <v>3</v>
      </c>
      <c r="D116" s="10" t="s">
        <v>305</v>
      </c>
      <c r="E116" s="11" t="s">
        <v>156</v>
      </c>
      <c r="F116" s="11" t="s">
        <v>644</v>
      </c>
      <c r="G116" s="11" t="s">
        <v>285</v>
      </c>
      <c r="H116" s="11" t="s">
        <v>348</v>
      </c>
    </row>
    <row r="117" spans="1:8" ht="29.25" customHeight="1">
      <c r="A117" s="3"/>
      <c r="B117" s="13" t="s">
        <v>148</v>
      </c>
      <c r="C117" s="10" t="s">
        <v>3</v>
      </c>
      <c r="D117" s="10" t="s">
        <v>305</v>
      </c>
      <c r="E117" s="11" t="s">
        <v>149</v>
      </c>
      <c r="F117" s="11" t="s">
        <v>150</v>
      </c>
      <c r="G117" s="11" t="s">
        <v>151</v>
      </c>
      <c r="H117" s="11"/>
    </row>
    <row r="118" spans="1:8" ht="29.25" customHeight="1">
      <c r="A118" s="3"/>
      <c r="B118" s="13" t="s">
        <v>152</v>
      </c>
      <c r="C118" s="10" t="s">
        <v>4</v>
      </c>
      <c r="D118" s="10" t="s">
        <v>305</v>
      </c>
      <c r="E118" s="11" t="s">
        <v>153</v>
      </c>
      <c r="F118" s="11" t="s">
        <v>644</v>
      </c>
      <c r="G118" s="11" t="s">
        <v>284</v>
      </c>
      <c r="H118" s="11"/>
    </row>
    <row r="119" spans="1:8" ht="29.25" customHeight="1">
      <c r="A119" s="3"/>
      <c r="B119" s="13" t="s">
        <v>154</v>
      </c>
      <c r="C119" s="10" t="s">
        <v>4</v>
      </c>
      <c r="D119" s="10" t="s">
        <v>305</v>
      </c>
      <c r="E119" s="11" t="s">
        <v>221</v>
      </c>
      <c r="F119" s="11" t="s">
        <v>644</v>
      </c>
      <c r="G119" s="11" t="s">
        <v>264</v>
      </c>
      <c r="H119" s="11"/>
    </row>
    <row r="120" spans="1:8" ht="29.25" customHeight="1">
      <c r="A120" s="3"/>
      <c r="B120" s="13" t="s">
        <v>163</v>
      </c>
      <c r="C120" s="10" t="s">
        <v>3</v>
      </c>
      <c r="D120" s="10" t="s">
        <v>305</v>
      </c>
      <c r="E120" s="11" t="s">
        <v>231</v>
      </c>
      <c r="F120" s="11" t="s">
        <v>164</v>
      </c>
      <c r="G120" s="11" t="s">
        <v>332</v>
      </c>
      <c r="H120" s="11"/>
    </row>
    <row r="121" spans="1:8" ht="29.25" customHeight="1">
      <c r="A121" s="3"/>
      <c r="B121" s="13" t="s">
        <v>147</v>
      </c>
      <c r="C121" s="10" t="s">
        <v>4</v>
      </c>
      <c r="D121" s="10" t="s">
        <v>305</v>
      </c>
      <c r="E121" s="11" t="s">
        <v>216</v>
      </c>
      <c r="F121" s="11" t="s">
        <v>373</v>
      </c>
      <c r="G121" s="11" t="s">
        <v>294</v>
      </c>
      <c r="H121" s="11"/>
    </row>
    <row r="122" spans="1:8" ht="66">
      <c r="A122" s="3"/>
      <c r="B122" s="13" t="s">
        <v>157</v>
      </c>
      <c r="C122" s="10" t="s">
        <v>4</v>
      </c>
      <c r="D122" s="10" t="s">
        <v>305</v>
      </c>
      <c r="E122" s="11" t="s">
        <v>158</v>
      </c>
      <c r="F122" s="11" t="s">
        <v>159</v>
      </c>
      <c r="G122" s="11" t="s">
        <v>372</v>
      </c>
      <c r="H122" s="11" t="s">
        <v>371</v>
      </c>
    </row>
    <row r="123" spans="1:8" ht="29.25" customHeight="1">
      <c r="A123" s="3"/>
      <c r="B123" s="13" t="s">
        <v>160</v>
      </c>
      <c r="C123" s="10" t="s">
        <v>4</v>
      </c>
      <c r="D123" s="10" t="s">
        <v>305</v>
      </c>
      <c r="E123" s="11" t="s">
        <v>220</v>
      </c>
      <c r="F123" s="11" t="s">
        <v>104</v>
      </c>
      <c r="G123" s="11" t="s">
        <v>178</v>
      </c>
      <c r="H123" s="11"/>
    </row>
    <row r="124" spans="1:8" ht="29.25" customHeight="1">
      <c r="A124" s="3"/>
      <c r="B124" s="13" t="s">
        <v>161</v>
      </c>
      <c r="C124" s="10" t="s">
        <v>4</v>
      </c>
      <c r="D124" s="10" t="s">
        <v>305</v>
      </c>
      <c r="E124" s="11" t="s">
        <v>162</v>
      </c>
      <c r="F124" s="11" t="s">
        <v>644</v>
      </c>
      <c r="G124" s="11" t="s">
        <v>331</v>
      </c>
      <c r="H124" s="11"/>
    </row>
    <row r="125" spans="1:8" ht="29.25" customHeight="1">
      <c r="A125" s="3"/>
      <c r="B125" s="13" t="s">
        <v>102</v>
      </c>
      <c r="C125" s="10" t="s">
        <v>3</v>
      </c>
      <c r="D125" s="10" t="s">
        <v>311</v>
      </c>
      <c r="E125" s="11" t="s">
        <v>103</v>
      </c>
      <c r="F125" s="11" t="s">
        <v>104</v>
      </c>
      <c r="G125" s="11" t="s">
        <v>277</v>
      </c>
      <c r="H125" s="11"/>
    </row>
    <row r="126" spans="1:8" ht="29.25" customHeight="1">
      <c r="A126" s="3"/>
      <c r="B126" s="13" t="s">
        <v>105</v>
      </c>
      <c r="C126" s="10" t="s">
        <v>4</v>
      </c>
      <c r="D126" s="10" t="s">
        <v>311</v>
      </c>
      <c r="E126" s="11" t="s">
        <v>259</v>
      </c>
      <c r="F126" s="11" t="s">
        <v>106</v>
      </c>
      <c r="G126" s="11" t="s">
        <v>107</v>
      </c>
      <c r="H126" s="11" t="s">
        <v>108</v>
      </c>
    </row>
    <row r="127" spans="1:8" ht="39.6">
      <c r="A127" s="3"/>
      <c r="B127" s="13" t="s">
        <v>109</v>
      </c>
      <c r="C127" s="10" t="s">
        <v>4</v>
      </c>
      <c r="D127" s="10" t="s">
        <v>311</v>
      </c>
      <c r="E127" s="11" t="s">
        <v>214</v>
      </c>
      <c r="F127" s="11" t="s">
        <v>110</v>
      </c>
      <c r="G127" s="11" t="s">
        <v>278</v>
      </c>
      <c r="H127" s="11"/>
    </row>
    <row r="128" spans="1:8" s="35" customFormat="1" ht="57" customHeight="1">
      <c r="A128" s="3"/>
      <c r="B128" s="30" t="s">
        <v>645</v>
      </c>
      <c r="C128" s="7" t="s">
        <v>3</v>
      </c>
      <c r="D128" s="10" t="s">
        <v>311</v>
      </c>
      <c r="E128" s="34" t="s">
        <v>646</v>
      </c>
      <c r="F128" s="34" t="s">
        <v>647</v>
      </c>
      <c r="G128" s="34" t="s">
        <v>377</v>
      </c>
      <c r="H128" s="34"/>
    </row>
    <row r="129" spans="1:8" ht="39.6">
      <c r="A129" s="3"/>
      <c r="B129" s="14" t="s">
        <v>111</v>
      </c>
      <c r="C129" s="10" t="s">
        <v>4</v>
      </c>
      <c r="D129" s="10" t="s">
        <v>311</v>
      </c>
      <c r="E129" s="11" t="s">
        <v>112</v>
      </c>
      <c r="F129" s="11" t="s">
        <v>113</v>
      </c>
      <c r="G129" s="11" t="s">
        <v>325</v>
      </c>
      <c r="H129" s="11" t="s">
        <v>114</v>
      </c>
    </row>
    <row r="130" spans="1:8" ht="79.2">
      <c r="A130" s="3"/>
      <c r="B130" s="23" t="s">
        <v>364</v>
      </c>
      <c r="C130" s="7" t="s">
        <v>4</v>
      </c>
      <c r="D130" s="10" t="s">
        <v>311</v>
      </c>
      <c r="E130" s="11" t="s">
        <v>366</v>
      </c>
      <c r="F130" s="11" t="s">
        <v>648</v>
      </c>
      <c r="G130" s="11" t="s">
        <v>649</v>
      </c>
      <c r="H130" s="11" t="s">
        <v>650</v>
      </c>
    </row>
    <row r="131" spans="1:8" ht="119.25" customHeight="1">
      <c r="A131" s="3"/>
      <c r="B131" s="23" t="s">
        <v>346</v>
      </c>
      <c r="C131" s="7" t="s">
        <v>3</v>
      </c>
      <c r="D131" s="10" t="s">
        <v>311</v>
      </c>
      <c r="E131" s="11" t="s">
        <v>365</v>
      </c>
      <c r="F131" s="11" t="s">
        <v>651</v>
      </c>
      <c r="G131" s="11" t="s">
        <v>652</v>
      </c>
      <c r="H131" s="11" t="s">
        <v>653</v>
      </c>
    </row>
    <row r="132" spans="1:8" ht="29.25" customHeight="1">
      <c r="A132" s="3"/>
      <c r="B132" s="13" t="s">
        <v>115</v>
      </c>
      <c r="C132" s="10" t="s">
        <v>3</v>
      </c>
      <c r="D132" s="10" t="s">
        <v>312</v>
      </c>
      <c r="E132" s="11" t="s">
        <v>116</v>
      </c>
      <c r="F132" s="11" t="s">
        <v>117</v>
      </c>
      <c r="G132" s="11" t="s">
        <v>118</v>
      </c>
      <c r="H132" s="11"/>
    </row>
    <row r="133" spans="1:8" ht="29.25" customHeight="1">
      <c r="A133" s="3"/>
      <c r="B133" s="13" t="s">
        <v>120</v>
      </c>
      <c r="C133" s="10" t="s">
        <v>4</v>
      </c>
      <c r="D133" s="10" t="s">
        <v>312</v>
      </c>
      <c r="E133" s="11" t="s">
        <v>121</v>
      </c>
      <c r="F133" s="11" t="s">
        <v>122</v>
      </c>
      <c r="G133" s="11" t="s">
        <v>347</v>
      </c>
      <c r="H133" s="11" t="s">
        <v>123</v>
      </c>
    </row>
    <row r="134" spans="1:8" ht="29.25" customHeight="1">
      <c r="A134" s="3"/>
      <c r="B134" s="13" t="s">
        <v>124</v>
      </c>
      <c r="C134" s="10" t="s">
        <v>4</v>
      </c>
      <c r="D134" s="10" t="s">
        <v>312</v>
      </c>
      <c r="E134" s="11" t="s">
        <v>125</v>
      </c>
      <c r="F134" s="11" t="s">
        <v>126</v>
      </c>
      <c r="G134" s="11" t="s">
        <v>279</v>
      </c>
      <c r="H134" s="11" t="s">
        <v>127</v>
      </c>
    </row>
    <row r="135" spans="1:8" ht="52.8">
      <c r="A135" s="3"/>
      <c r="B135" s="13" t="s">
        <v>128</v>
      </c>
      <c r="C135" s="10" t="s">
        <v>3</v>
      </c>
      <c r="D135" s="10" t="s">
        <v>312</v>
      </c>
      <c r="E135" s="11" t="s">
        <v>215</v>
      </c>
      <c r="F135" s="11" t="s">
        <v>129</v>
      </c>
      <c r="G135" s="11" t="s">
        <v>280</v>
      </c>
      <c r="H135" s="21"/>
    </row>
    <row r="136" spans="1:8" ht="29.25" customHeight="1">
      <c r="A136" s="3"/>
      <c r="B136" s="13" t="s">
        <v>130</v>
      </c>
      <c r="C136" s="10" t="s">
        <v>4</v>
      </c>
      <c r="D136" s="10" t="s">
        <v>313</v>
      </c>
      <c r="E136" s="11" t="s">
        <v>222</v>
      </c>
      <c r="F136" s="11" t="s">
        <v>131</v>
      </c>
      <c r="G136" s="11" t="s">
        <v>210</v>
      </c>
      <c r="H136" s="11"/>
    </row>
    <row r="137" spans="1:8" ht="29.25" customHeight="1">
      <c r="A137" s="3"/>
      <c r="B137" s="13" t="s">
        <v>132</v>
      </c>
      <c r="C137" s="10" t="s">
        <v>4</v>
      </c>
      <c r="D137" s="10" t="s">
        <v>313</v>
      </c>
      <c r="E137" s="11" t="s">
        <v>230</v>
      </c>
      <c r="F137" s="11" t="s">
        <v>133</v>
      </c>
      <c r="G137" s="11" t="s">
        <v>281</v>
      </c>
      <c r="H137" s="11"/>
    </row>
    <row r="138" spans="1:8" ht="29.25" customHeight="1">
      <c r="A138" s="3"/>
      <c r="B138" s="13" t="s">
        <v>134</v>
      </c>
      <c r="C138" s="10" t="s">
        <v>4</v>
      </c>
      <c r="D138" s="10" t="s">
        <v>313</v>
      </c>
      <c r="E138" s="11" t="s">
        <v>238</v>
      </c>
      <c r="F138" s="11" t="s">
        <v>205</v>
      </c>
      <c r="G138" s="11" t="s">
        <v>206</v>
      </c>
      <c r="H138" s="11"/>
    </row>
    <row r="139" spans="1:8" ht="29.25" customHeight="1">
      <c r="A139" s="3"/>
      <c r="B139" s="13" t="s">
        <v>135</v>
      </c>
      <c r="C139" s="10" t="s">
        <v>4</v>
      </c>
      <c r="D139" s="10" t="s">
        <v>313</v>
      </c>
      <c r="E139" s="11" t="s">
        <v>246</v>
      </c>
      <c r="F139" s="11" t="s">
        <v>136</v>
      </c>
      <c r="G139" s="11" t="s">
        <v>206</v>
      </c>
      <c r="H139" s="11" t="s">
        <v>137</v>
      </c>
    </row>
    <row r="140" spans="1:8" s="51" customFormat="1" ht="29.25" customHeight="1">
      <c r="B140" s="13" t="s">
        <v>692</v>
      </c>
      <c r="C140" s="10" t="s">
        <v>4</v>
      </c>
      <c r="D140" s="10" t="s">
        <v>693</v>
      </c>
      <c r="E140" s="11" t="s">
        <v>694</v>
      </c>
      <c r="F140" s="11" t="s">
        <v>695</v>
      </c>
      <c r="G140" s="11" t="s">
        <v>696</v>
      </c>
      <c r="H140" s="11"/>
    </row>
    <row r="141" spans="1:8" ht="29.25" customHeight="1">
      <c r="A141" s="3"/>
      <c r="B141" s="13" t="s">
        <v>697</v>
      </c>
      <c r="C141" s="10" t="s">
        <v>4</v>
      </c>
      <c r="D141" s="10" t="s">
        <v>314</v>
      </c>
      <c r="E141" s="11" t="s">
        <v>247</v>
      </c>
      <c r="F141" s="11" t="s">
        <v>139</v>
      </c>
      <c r="G141" s="11" t="s">
        <v>282</v>
      </c>
      <c r="H141" s="11" t="s">
        <v>140</v>
      </c>
    </row>
    <row r="142" spans="1:8" ht="29.25" customHeight="1">
      <c r="A142" s="3"/>
      <c r="B142" s="13" t="s">
        <v>654</v>
      </c>
      <c r="C142" s="10" t="s">
        <v>4</v>
      </c>
      <c r="D142" s="10" t="s">
        <v>308</v>
      </c>
      <c r="E142" s="11" t="s">
        <v>655</v>
      </c>
      <c r="F142" s="11" t="s">
        <v>656</v>
      </c>
      <c r="G142" s="11" t="s">
        <v>657</v>
      </c>
      <c r="H142" s="11"/>
    </row>
    <row r="143" spans="1:8" ht="29.25" customHeight="1">
      <c r="A143" s="3"/>
      <c r="B143" s="13" t="s">
        <v>43</v>
      </c>
      <c r="C143" s="10" t="s">
        <v>4</v>
      </c>
      <c r="D143" s="10" t="s">
        <v>308</v>
      </c>
      <c r="E143" s="11" t="s">
        <v>236</v>
      </c>
      <c r="F143" s="11" t="s">
        <v>44</v>
      </c>
      <c r="G143" s="11" t="s">
        <v>45</v>
      </c>
      <c r="H143" s="11" t="s">
        <v>46</v>
      </c>
    </row>
    <row r="144" spans="1:8" s="35" customFormat="1" ht="26.4">
      <c r="A144" s="3"/>
      <c r="B144" s="36" t="s">
        <v>658</v>
      </c>
      <c r="C144" s="48" t="s">
        <v>4</v>
      </c>
      <c r="D144" s="10" t="s">
        <v>308</v>
      </c>
      <c r="E144" s="34" t="s">
        <v>659</v>
      </c>
      <c r="F144" s="34" t="s">
        <v>660</v>
      </c>
      <c r="G144" s="34" t="s">
        <v>661</v>
      </c>
      <c r="H144" s="34" t="s">
        <v>662</v>
      </c>
    </row>
    <row r="145" spans="1:8" s="35" customFormat="1" ht="34.5" customHeight="1">
      <c r="A145" s="3"/>
      <c r="B145" s="30" t="s">
        <v>663</v>
      </c>
      <c r="C145" s="48" t="s">
        <v>4</v>
      </c>
      <c r="D145" s="10" t="s">
        <v>308</v>
      </c>
      <c r="E145" s="34" t="s">
        <v>664</v>
      </c>
      <c r="F145" s="34" t="s">
        <v>665</v>
      </c>
      <c r="G145" s="34" t="s">
        <v>666</v>
      </c>
      <c r="H145" s="34" t="s">
        <v>667</v>
      </c>
    </row>
    <row r="146" spans="1:8" ht="26.4">
      <c r="A146" s="3"/>
      <c r="B146" s="13" t="s">
        <v>47</v>
      </c>
      <c r="C146" s="10" t="s">
        <v>4</v>
      </c>
      <c r="D146" s="10" t="s">
        <v>308</v>
      </c>
      <c r="E146" s="11" t="s">
        <v>48</v>
      </c>
      <c r="F146" s="11" t="s">
        <v>49</v>
      </c>
      <c r="G146" s="11" t="s">
        <v>269</v>
      </c>
      <c r="H146" s="11"/>
    </row>
    <row r="147" spans="1:8" ht="29.25" customHeight="1">
      <c r="A147" s="3"/>
      <c r="B147" s="13" t="s">
        <v>50</v>
      </c>
      <c r="C147" s="10" t="s">
        <v>4</v>
      </c>
      <c r="D147" s="10" t="s">
        <v>308</v>
      </c>
      <c r="E147" s="11" t="s">
        <v>237</v>
      </c>
      <c r="F147" s="11" t="s">
        <v>51</v>
      </c>
      <c r="G147" s="11" t="s">
        <v>270</v>
      </c>
      <c r="H147" s="11"/>
    </row>
    <row r="148" spans="1:8" ht="29.25" customHeight="1">
      <c r="A148" s="3"/>
      <c r="B148" s="13" t="s">
        <v>52</v>
      </c>
      <c r="C148" s="10" t="s">
        <v>4</v>
      </c>
      <c r="D148" s="10" t="s">
        <v>308</v>
      </c>
      <c r="E148" s="15" t="s">
        <v>53</v>
      </c>
      <c r="F148" s="11" t="s">
        <v>54</v>
      </c>
      <c r="G148" s="11" t="s">
        <v>271</v>
      </c>
      <c r="H148" s="22"/>
    </row>
    <row r="149" spans="1:8" ht="52.8">
      <c r="A149" s="3"/>
      <c r="B149" s="13" t="s">
        <v>55</v>
      </c>
      <c r="C149" s="10" t="s">
        <v>4</v>
      </c>
      <c r="D149" s="10" t="s">
        <v>309</v>
      </c>
      <c r="E149" s="11" t="s">
        <v>56</v>
      </c>
      <c r="F149" s="11" t="s">
        <v>57</v>
      </c>
      <c r="G149" s="11" t="s">
        <v>333</v>
      </c>
      <c r="H149" s="11"/>
    </row>
    <row r="150" spans="1:8" ht="29.25" customHeight="1">
      <c r="A150" s="3"/>
      <c r="B150" s="13" t="s">
        <v>58</v>
      </c>
      <c r="C150" s="10" t="s">
        <v>4</v>
      </c>
      <c r="D150" s="10" t="s">
        <v>309</v>
      </c>
      <c r="E150" s="11" t="s">
        <v>59</v>
      </c>
      <c r="F150" s="11" t="s">
        <v>60</v>
      </c>
      <c r="G150" s="11" t="s">
        <v>326</v>
      </c>
      <c r="H150" s="11"/>
    </row>
    <row r="151" spans="1:8" ht="29.25" customHeight="1">
      <c r="A151" s="3"/>
      <c r="B151" s="13" t="s">
        <v>61</v>
      </c>
      <c r="C151" s="10" t="s">
        <v>4</v>
      </c>
      <c r="D151" s="10" t="s">
        <v>309</v>
      </c>
      <c r="E151" s="11" t="s">
        <v>62</v>
      </c>
      <c r="F151" s="11" t="s">
        <v>63</v>
      </c>
      <c r="G151" s="11" t="s">
        <v>272</v>
      </c>
      <c r="H151" s="11"/>
    </row>
    <row r="152" spans="1:8" ht="29.25" customHeight="1">
      <c r="A152" s="3"/>
      <c r="B152" s="13" t="s">
        <v>668</v>
      </c>
      <c r="C152" s="10" t="s">
        <v>4</v>
      </c>
      <c r="D152" s="10" t="s">
        <v>309</v>
      </c>
      <c r="E152" s="11" t="s">
        <v>669</v>
      </c>
      <c r="F152" s="11" t="s">
        <v>670</v>
      </c>
      <c r="G152" s="11" t="s">
        <v>337</v>
      </c>
      <c r="H152" s="11"/>
    </row>
    <row r="153" spans="1:8" ht="29.25" customHeight="1">
      <c r="A153" s="3"/>
      <c r="B153" s="13" t="s">
        <v>64</v>
      </c>
      <c r="C153" s="10" t="s">
        <v>4</v>
      </c>
      <c r="D153" s="10" t="s">
        <v>309</v>
      </c>
      <c r="E153" s="11" t="s">
        <v>65</v>
      </c>
      <c r="F153" s="11" t="s">
        <v>63</v>
      </c>
      <c r="G153" s="11" t="s">
        <v>273</v>
      </c>
      <c r="H153" s="11"/>
    </row>
    <row r="154" spans="1:8" ht="58.95" customHeight="1">
      <c r="A154" s="3"/>
      <c r="B154" s="23" t="s">
        <v>354</v>
      </c>
      <c r="C154" s="7" t="s">
        <v>4</v>
      </c>
      <c r="D154" s="10" t="s">
        <v>309</v>
      </c>
      <c r="E154" s="8" t="s">
        <v>355</v>
      </c>
      <c r="F154" s="11" t="s">
        <v>671</v>
      </c>
      <c r="G154" s="11" t="s">
        <v>672</v>
      </c>
      <c r="H154" s="16" t="s">
        <v>673</v>
      </c>
    </row>
    <row r="155" spans="1:8" ht="105.6">
      <c r="A155" s="3"/>
      <c r="B155" s="13" t="s">
        <v>66</v>
      </c>
      <c r="C155" s="10" t="s">
        <v>4</v>
      </c>
      <c r="D155" s="10" t="s">
        <v>309</v>
      </c>
      <c r="E155" s="11" t="s">
        <v>232</v>
      </c>
      <c r="F155" s="11" t="s">
        <v>67</v>
      </c>
      <c r="G155" s="11" t="s">
        <v>261</v>
      </c>
      <c r="H155" s="11"/>
    </row>
    <row r="156" spans="1:8" ht="29.25" customHeight="1">
      <c r="A156" s="3"/>
      <c r="B156" s="13" t="s">
        <v>68</v>
      </c>
      <c r="C156" s="10" t="s">
        <v>4</v>
      </c>
      <c r="D156" s="10" t="s">
        <v>309</v>
      </c>
      <c r="E156" s="11" t="s">
        <v>69</v>
      </c>
      <c r="F156" s="11" t="s">
        <v>70</v>
      </c>
      <c r="G156" s="11" t="s">
        <v>119</v>
      </c>
      <c r="H156" s="11"/>
    </row>
    <row r="157" spans="1:8" ht="29.25" customHeight="1">
      <c r="A157" s="3"/>
      <c r="B157" s="13" t="s">
        <v>71</v>
      </c>
      <c r="C157" s="10" t="s">
        <v>4</v>
      </c>
      <c r="D157" s="10" t="s">
        <v>309</v>
      </c>
      <c r="E157" s="11" t="s">
        <v>72</v>
      </c>
      <c r="F157" s="11" t="s">
        <v>73</v>
      </c>
      <c r="G157" s="11" t="s">
        <v>74</v>
      </c>
      <c r="H157" s="11"/>
    </row>
    <row r="158" spans="1:8" ht="29.25" customHeight="1">
      <c r="A158" s="3"/>
      <c r="B158" s="13" t="s">
        <v>75</v>
      </c>
      <c r="C158" s="10" t="s">
        <v>3</v>
      </c>
      <c r="D158" s="10" t="s">
        <v>309</v>
      </c>
      <c r="E158" s="11" t="s">
        <v>76</v>
      </c>
      <c r="F158" s="11" t="s">
        <v>77</v>
      </c>
      <c r="G158" s="11" t="s">
        <v>119</v>
      </c>
      <c r="H158" s="11"/>
    </row>
    <row r="159" spans="1:8" ht="29.25" customHeight="1">
      <c r="A159" s="3"/>
      <c r="B159" s="13" t="s">
        <v>78</v>
      </c>
      <c r="C159" s="10" t="s">
        <v>4</v>
      </c>
      <c r="D159" s="10" t="s">
        <v>224</v>
      </c>
      <c r="E159" s="11" t="s">
        <v>79</v>
      </c>
      <c r="F159" s="11" t="s">
        <v>80</v>
      </c>
      <c r="G159" s="11" t="s">
        <v>274</v>
      </c>
      <c r="H159" s="11"/>
    </row>
    <row r="160" spans="1:8" ht="29.25" customHeight="1">
      <c r="A160" s="3"/>
      <c r="B160" s="13" t="s">
        <v>92</v>
      </c>
      <c r="C160" s="10" t="s">
        <v>4</v>
      </c>
      <c r="D160" s="10" t="s">
        <v>224</v>
      </c>
      <c r="E160" s="11" t="s">
        <v>245</v>
      </c>
      <c r="F160" s="11" t="s">
        <v>26</v>
      </c>
      <c r="G160" s="11" t="s">
        <v>337</v>
      </c>
      <c r="H160" s="11"/>
    </row>
    <row r="161" spans="1:8" ht="66">
      <c r="A161" s="3"/>
      <c r="B161" s="13" t="s">
        <v>81</v>
      </c>
      <c r="C161" s="10" t="s">
        <v>4</v>
      </c>
      <c r="D161" s="10" t="s">
        <v>224</v>
      </c>
      <c r="E161" s="11" t="s">
        <v>244</v>
      </c>
      <c r="F161" s="11" t="s">
        <v>82</v>
      </c>
      <c r="G161" s="11" t="s">
        <v>334</v>
      </c>
      <c r="H161" s="11"/>
    </row>
    <row r="162" spans="1:8" ht="52.8">
      <c r="A162" s="3"/>
      <c r="B162" s="13" t="s">
        <v>83</v>
      </c>
      <c r="C162" s="10" t="s">
        <v>3</v>
      </c>
      <c r="D162" s="10" t="s">
        <v>224</v>
      </c>
      <c r="E162" s="11" t="s">
        <v>229</v>
      </c>
      <c r="F162" s="11" t="s">
        <v>84</v>
      </c>
      <c r="G162" s="11" t="s">
        <v>291</v>
      </c>
      <c r="H162" s="11"/>
    </row>
    <row r="163" spans="1:8" ht="29.25" customHeight="1">
      <c r="A163" s="3"/>
      <c r="B163" s="13" t="s">
        <v>85</v>
      </c>
      <c r="C163" s="10" t="s">
        <v>4</v>
      </c>
      <c r="D163" s="10" t="s">
        <v>224</v>
      </c>
      <c r="E163" s="11" t="s">
        <v>257</v>
      </c>
      <c r="F163" s="11" t="s">
        <v>86</v>
      </c>
      <c r="G163" s="11" t="s">
        <v>336</v>
      </c>
      <c r="H163" s="11" t="s">
        <v>349</v>
      </c>
    </row>
    <row r="164" spans="1:8" ht="29.25" customHeight="1">
      <c r="A164" s="3"/>
      <c r="B164" s="13" t="s">
        <v>87</v>
      </c>
      <c r="C164" s="10" t="s">
        <v>4</v>
      </c>
      <c r="D164" s="10" t="s">
        <v>224</v>
      </c>
      <c r="E164" s="11" t="s">
        <v>258</v>
      </c>
      <c r="F164" s="11" t="s">
        <v>88</v>
      </c>
      <c r="G164" s="11" t="s">
        <v>335</v>
      </c>
      <c r="H164" s="11"/>
    </row>
    <row r="165" spans="1:8" ht="29.25" customHeight="1">
      <c r="A165" s="3"/>
      <c r="B165" s="13" t="s">
        <v>89</v>
      </c>
      <c r="C165" s="10" t="s">
        <v>4</v>
      </c>
      <c r="D165" s="10" t="s">
        <v>224</v>
      </c>
      <c r="E165" s="11" t="s">
        <v>90</v>
      </c>
      <c r="F165" s="11" t="s">
        <v>91</v>
      </c>
      <c r="G165" s="11" t="s">
        <v>15</v>
      </c>
      <c r="H165" s="11"/>
    </row>
    <row r="166" spans="1:8" ht="29.25" customHeight="1">
      <c r="A166" s="3"/>
      <c r="B166" s="13" t="s">
        <v>674</v>
      </c>
      <c r="C166" s="10" t="s">
        <v>4</v>
      </c>
      <c r="D166" s="10" t="s">
        <v>224</v>
      </c>
      <c r="E166" s="11" t="s">
        <v>675</v>
      </c>
      <c r="F166" s="11" t="s">
        <v>676</v>
      </c>
      <c r="G166" s="11" t="s">
        <v>677</v>
      </c>
      <c r="H166" s="11"/>
    </row>
    <row r="167" spans="1:8" ht="29.25" customHeight="1">
      <c r="A167" s="3"/>
      <c r="B167" s="13" t="s">
        <v>81</v>
      </c>
      <c r="C167" s="10" t="s">
        <v>4</v>
      </c>
      <c r="D167" s="10" t="s">
        <v>224</v>
      </c>
      <c r="E167" s="11" t="s">
        <v>223</v>
      </c>
      <c r="F167" s="11" t="s">
        <v>82</v>
      </c>
      <c r="G167" s="11" t="s">
        <v>93</v>
      </c>
      <c r="H167" s="11"/>
    </row>
    <row r="168" spans="1:8" ht="34.5" customHeight="1">
      <c r="A168" s="3"/>
      <c r="B168" s="23" t="s">
        <v>360</v>
      </c>
      <c r="C168" s="7" t="s">
        <v>4</v>
      </c>
      <c r="D168" s="10" t="s">
        <v>363</v>
      </c>
      <c r="E168" s="11" t="s">
        <v>362</v>
      </c>
      <c r="F168" s="11" t="s">
        <v>361</v>
      </c>
      <c r="G168" s="11" t="s">
        <v>15</v>
      </c>
      <c r="H168" s="11"/>
    </row>
    <row r="169" spans="1:8" ht="29.25" customHeight="1">
      <c r="A169" s="3"/>
      <c r="B169" s="13" t="s">
        <v>13</v>
      </c>
      <c r="C169" s="10" t="s">
        <v>4</v>
      </c>
      <c r="D169" s="10" t="s">
        <v>304</v>
      </c>
      <c r="E169" s="11" t="s">
        <v>18</v>
      </c>
      <c r="F169" s="11" t="s">
        <v>585</v>
      </c>
      <c r="G169" s="11" t="s">
        <v>15</v>
      </c>
      <c r="H169" s="11"/>
    </row>
    <row r="170" spans="1:8" ht="29.25" customHeight="1">
      <c r="A170" s="3"/>
      <c r="B170" s="13" t="s">
        <v>375</v>
      </c>
      <c r="C170" s="10" t="s">
        <v>4</v>
      </c>
      <c r="D170" s="10" t="s">
        <v>304</v>
      </c>
      <c r="E170" s="11" t="s">
        <v>376</v>
      </c>
      <c r="F170" s="8" t="s">
        <v>104</v>
      </c>
      <c r="G170" s="8" t="s">
        <v>377</v>
      </c>
      <c r="H170" s="11"/>
    </row>
    <row r="171" spans="1:8" ht="29.25" customHeight="1">
      <c r="A171" s="3"/>
      <c r="B171" s="13" t="s">
        <v>11</v>
      </c>
      <c r="C171" s="10" t="s">
        <v>4</v>
      </c>
      <c r="D171" s="10" t="s">
        <v>303</v>
      </c>
      <c r="E171" s="11" t="s">
        <v>12</v>
      </c>
      <c r="F171" s="11" t="s">
        <v>585</v>
      </c>
      <c r="G171" s="11" t="s">
        <v>15</v>
      </c>
      <c r="H171" s="11"/>
    </row>
    <row r="172" spans="1:8" ht="29.25" customHeight="1">
      <c r="A172" s="3"/>
      <c r="B172" s="13" t="s">
        <v>165</v>
      </c>
      <c r="C172" s="10" t="s">
        <v>4</v>
      </c>
      <c r="D172" s="10" t="s">
        <v>303</v>
      </c>
      <c r="E172" s="11" t="s">
        <v>250</v>
      </c>
      <c r="F172" s="11" t="s">
        <v>166</v>
      </c>
      <c r="G172" s="11" t="s">
        <v>324</v>
      </c>
      <c r="H172" s="11"/>
    </row>
    <row r="173" spans="1:8" ht="26.4">
      <c r="A173" s="3"/>
      <c r="B173" s="13" t="s">
        <v>167</v>
      </c>
      <c r="C173" s="10" t="s">
        <v>4</v>
      </c>
      <c r="D173" s="10" t="s">
        <v>303</v>
      </c>
      <c r="E173" s="11" t="s">
        <v>251</v>
      </c>
      <c r="F173" s="11" t="s">
        <v>168</v>
      </c>
      <c r="G173" s="11" t="s">
        <v>286</v>
      </c>
      <c r="H173" s="11"/>
    </row>
    <row r="174" spans="1:8" s="35" customFormat="1" ht="34.5" customHeight="1">
      <c r="A174" s="3"/>
      <c r="B174" s="30" t="s">
        <v>678</v>
      </c>
      <c r="C174" s="48" t="s">
        <v>4</v>
      </c>
      <c r="D174" s="10" t="s">
        <v>323</v>
      </c>
      <c r="E174" s="34" t="s">
        <v>679</v>
      </c>
      <c r="F174" s="34" t="s">
        <v>420</v>
      </c>
      <c r="G174" s="34" t="s">
        <v>680</v>
      </c>
      <c r="H174" s="34"/>
    </row>
    <row r="175" spans="1:8" ht="73.5" customHeight="1">
      <c r="A175" s="3"/>
      <c r="B175" s="17" t="s">
        <v>316</v>
      </c>
      <c r="C175" s="10" t="s">
        <v>4</v>
      </c>
      <c r="D175" s="10" t="s">
        <v>323</v>
      </c>
      <c r="E175" s="11" t="s">
        <v>317</v>
      </c>
      <c r="F175" s="11" t="s">
        <v>318</v>
      </c>
      <c r="G175" s="11" t="s">
        <v>338</v>
      </c>
      <c r="H175" s="11"/>
    </row>
    <row r="176" spans="1:8" ht="34.5" customHeight="1">
      <c r="A176" s="3"/>
      <c r="B176" s="17" t="s">
        <v>319</v>
      </c>
      <c r="C176" s="10" t="s">
        <v>4</v>
      </c>
      <c r="D176" s="10" t="s">
        <v>323</v>
      </c>
      <c r="E176" s="11" t="s">
        <v>320</v>
      </c>
      <c r="F176" s="11" t="s">
        <v>321</v>
      </c>
      <c r="G176" s="11" t="s">
        <v>322</v>
      </c>
      <c r="H176" s="11"/>
    </row>
    <row r="177" spans="1:8" ht="34.5" customHeight="1">
      <c r="A177" s="3"/>
      <c r="B177" s="17" t="s">
        <v>681</v>
      </c>
      <c r="C177" s="10" t="s">
        <v>4</v>
      </c>
      <c r="D177" s="10" t="s">
        <v>682</v>
      </c>
      <c r="E177" s="11" t="s">
        <v>683</v>
      </c>
      <c r="F177" s="11" t="s">
        <v>676</v>
      </c>
      <c r="G177" s="11" t="s">
        <v>684</v>
      </c>
      <c r="H177" s="11"/>
    </row>
  </sheetData>
  <sheetProtection formatCells="0" formatColumns="0" formatRows="0" insertColumns="0" insertRows="0" insertHyperlinks="0" deleteColumns="0" deleteRows="0" selectLockedCells="1" sort="0" autoFilter="0" pivotTables="0"/>
  <autoFilter ref="A3:H177" xr:uid="{00000000-0009-0000-0000-000000000000}"/>
  <phoneticPr fontId="2"/>
  <conditionalFormatting sqref="C7:C11">
    <cfRule type="expression" dxfId="20" priority="100">
      <formula>#REF!&lt;&gt;"○"</formula>
    </cfRule>
  </conditionalFormatting>
  <conditionalFormatting sqref="C13 E13:H13">
    <cfRule type="expression" dxfId="19" priority="99">
      <formula>#REF!&lt;&gt;"○"</formula>
    </cfRule>
  </conditionalFormatting>
  <conditionalFormatting sqref="C18:C29 E18:H29">
    <cfRule type="expression" dxfId="18" priority="30">
      <formula>#REF!&lt;&gt;"○"</formula>
    </cfRule>
  </conditionalFormatting>
  <conditionalFormatting sqref="C31:C37 E31:H37">
    <cfRule type="expression" dxfId="17" priority="79">
      <formula>#REF!&lt;&gt;"○"</formula>
    </cfRule>
  </conditionalFormatting>
  <conditionalFormatting sqref="C39:C66">
    <cfRule type="expression" dxfId="16" priority="28">
      <formula>#REF!&lt;&gt;"○"</formula>
    </cfRule>
  </conditionalFormatting>
  <conditionalFormatting sqref="C128">
    <cfRule type="expression" dxfId="15" priority="2">
      <formula>#REF!&lt;&gt;"○"</formula>
    </cfRule>
  </conditionalFormatting>
  <conditionalFormatting sqref="C130:C131">
    <cfRule type="expression" dxfId="14" priority="16">
      <formula>#REF!&lt;&gt;"○"</formula>
    </cfRule>
  </conditionalFormatting>
  <conditionalFormatting sqref="C154">
    <cfRule type="expression" dxfId="13" priority="12">
      <formula>#REF!&lt;&gt;"○"</formula>
    </cfRule>
  </conditionalFormatting>
  <conditionalFormatting sqref="E7:H11">
    <cfRule type="expression" dxfId="12" priority="31">
      <formula>#REF!&lt;&gt;"○"</formula>
    </cfRule>
  </conditionalFormatting>
  <conditionalFormatting sqref="E39:H61">
    <cfRule type="expression" dxfId="11" priority="34">
      <formula>#REF!&lt;&gt;"○"</formula>
    </cfRule>
  </conditionalFormatting>
  <conditionalFormatting sqref="E62:H62">
    <cfRule type="expression" dxfId="10" priority="1">
      <formula>$C62&lt;&gt;"○"</formula>
    </cfRule>
  </conditionalFormatting>
  <conditionalFormatting sqref="E77:H77">
    <cfRule type="expression" dxfId="9" priority="26">
      <formula>#REF!&lt;&gt;"○"</formula>
    </cfRule>
  </conditionalFormatting>
  <conditionalFormatting sqref="E83:H83">
    <cfRule type="expression" dxfId="8" priority="25">
      <formula>#REF!&lt;&gt;"○"</formula>
    </cfRule>
  </conditionalFormatting>
  <conditionalFormatting sqref="E85:H86">
    <cfRule type="expression" dxfId="7" priority="23">
      <formula>#REF!&lt;&gt;"○"</formula>
    </cfRule>
  </conditionalFormatting>
  <conditionalFormatting sqref="E91:H91">
    <cfRule type="expression" dxfId="6" priority="21">
      <formula>#REF!&lt;&gt;"○"</formula>
    </cfRule>
  </conditionalFormatting>
  <conditionalFormatting sqref="E103:H104">
    <cfRule type="expression" dxfId="5" priority="18">
      <formula>#REF!="○"</formula>
    </cfRule>
  </conditionalFormatting>
  <conditionalFormatting sqref="E128:H128">
    <cfRule type="expression" dxfId="4" priority="13">
      <formula>#REF!="○"</formula>
    </cfRule>
  </conditionalFormatting>
  <conditionalFormatting sqref="E144:H145">
    <cfRule type="expression" dxfId="3" priority="6">
      <formula>#REF!="○"</formula>
    </cfRule>
  </conditionalFormatting>
  <conditionalFormatting sqref="E174:H174">
    <cfRule type="expression" dxfId="2" priority="5">
      <formula>#REF!="○"</formula>
    </cfRule>
  </conditionalFormatting>
  <conditionalFormatting sqref="F88">
    <cfRule type="expression" dxfId="1" priority="22">
      <formula>#REF!&lt;&gt;"○"</formula>
    </cfRule>
  </conditionalFormatting>
  <conditionalFormatting sqref="F63:H63">
    <cfRule type="expression" dxfId="0" priority="27">
      <formula>$C63&lt;&gt;"○"</formula>
    </cfRule>
  </conditionalFormatting>
  <dataValidations count="3">
    <dataValidation type="list" allowBlank="1" showInputMessage="1" showErrorMessage="1" sqref="C14:C17 C4:C12 C62:C66 C70 C77 C83 C85:C86 C91 C103:C104 C130:C131 C174:C177 C154 C168 C144:C145 C128" xr:uid="{00000000-0002-0000-0000-000000000000}">
      <formula1>"○,×"</formula1>
    </dataValidation>
    <dataValidation imeMode="hiragana" allowBlank="1" showInputMessage="1" showErrorMessage="1" sqref="E4:G6 E7:H12 B7:B11 E14:G17 H16:H17 B62 F62:H63 E174:H177 B64:B66 E64:H66 B77 E77:H77 E83:H83 E85:H86 B85:B86 F88 B91 E91:H91 B103:B104 E103:H104 F130:H131 B128 E128:H128 E154:G154 F168 E144:H145 B144:B145 B174:B177 E62" xr:uid="{00000000-0002-0000-0000-000001000000}"/>
    <dataValidation type="list" allowBlank="1" showInputMessage="1" showErrorMessage="1" sqref="B93" xr:uid="{00000000-0002-0000-0000-000002000000}">
      <formula1>"政策局,総務局,くらし安全防災局,国際文化観光局,スポーツ局,環境農政局,福祉子どもみらい局,健康医療局,産業労働局,県土整備局,企業局,教育局,警察本部"</formula1>
    </dataValidation>
  </dataValidations>
  <printOptions horizontalCentered="1"/>
  <pageMargins left="0.70866141732283472" right="0.70866141732283472" top="0.74803149606299213" bottom="0.74803149606299213" header="0.31496062992125984" footer="0.31496062992125984"/>
  <pageSetup paperSize="8" scale="70" fitToWidth="0" fitToHeight="0" orientation="landscape" cellComments="asDisplayed"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全体</vt:lpstr>
      <vt:lpstr>全体!Print_Area</vt:lpstr>
      <vt:lpstr>全体!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田直人</dc:creator>
  <cp:lastModifiedBy>user</cp:lastModifiedBy>
  <cp:lastPrinted>2026-02-09T08:27:24Z</cp:lastPrinted>
  <dcterms:created xsi:type="dcterms:W3CDTF">2022-03-28T23:58:14Z</dcterms:created>
  <dcterms:modified xsi:type="dcterms:W3CDTF">2026-02-09T08:35:34Z</dcterms:modified>
</cp:coreProperties>
</file>